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430"/>
  <workbookPr defaultThemeVersion="124226"/>
  <mc:AlternateContent xmlns:mc="http://schemas.openxmlformats.org/markup-compatibility/2006">
    <mc:Choice Requires="x15">
      <x15ac:absPath xmlns:x15ac="http://schemas.microsoft.com/office/spreadsheetml/2010/11/ac" url="C:\Users\s2024639\Desktop\Procurement\"/>
    </mc:Choice>
  </mc:AlternateContent>
  <xr:revisionPtr revIDLastSave="0" documentId="8_{5428C831-703F-46C4-B712-DD297DA5EC3A}" xr6:coauthVersionLast="47" xr6:coauthVersionMax="47" xr10:uidLastSave="{00000000-0000-0000-0000-000000000000}"/>
  <workbookProtection workbookAlgorithmName="SHA-512" workbookHashValue="UoFiYdglKmGF3jBxcgrRk7P514ltY6WbjMp7isCZwn3JwtzSqWYtF+cjRQQ/r/ZnghfyE1ZkLGw7RUEon4c4ZA==" workbookSaltValue="/hhhD81xSzBMHy6rGBYYUg==" workbookSpinCount="100000" lockStructure="1"/>
  <bookViews>
    <workbookView xWindow="-120" yWindow="-120" windowWidth="20730" windowHeight="11160" xr2:uid="{00000000-000D-0000-FFFF-FFFF00000000}"/>
  </bookViews>
  <sheets>
    <sheet name="Award" sheetId="1" r:id="rId1"/>
    <sheet name="Unsuccessful" sheetId="4" r:id="rId2"/>
    <sheet name="Disqualified" sheetId="5" r:id="rId3"/>
    <sheet name="Adjudication Reserved" sheetId="6" r:id="rId4"/>
    <sheet name="Cancelled" sheetId="7" r:id="rId5"/>
  </sheets>
  <calcPr calcId="162913"/>
</workbook>
</file>

<file path=xl/sharedStrings.xml><?xml version="1.0" encoding="utf-8"?>
<sst xmlns="http://schemas.openxmlformats.org/spreadsheetml/2006/main" count="2542" uniqueCount="1173">
  <si>
    <t>Description:</t>
  </si>
  <si>
    <t>Supplier:</t>
  </si>
  <si>
    <t>Reference 
Number:</t>
  </si>
  <si>
    <t>Appointment of a service provider for the provision of marketing and creative strategies, concepts and products</t>
  </si>
  <si>
    <t xml:space="preserve">M&amp;C Saatchi Abel (Pty) Ltd </t>
  </si>
  <si>
    <t>RFP 0012/2018</t>
  </si>
  <si>
    <t>SARS AWARDED TENDER FOR 2018/2019</t>
  </si>
  <si>
    <t>RFP 20/2017</t>
  </si>
  <si>
    <t>Provision of Short-Term Insurance Brokerage Services</t>
  </si>
  <si>
    <t>Marsh (Pty) Ltd</t>
  </si>
  <si>
    <t>Provision of Event Management Services For BRICS 2018</t>
  </si>
  <si>
    <t>RFP 004/2018</t>
  </si>
  <si>
    <t>RFP 31/2017</t>
  </si>
  <si>
    <t>Provision of Operations Management Development Programme &amp; Management Development Programme for SARS</t>
  </si>
  <si>
    <t xml:space="preserve">PricewaterhouseCoopers INC 
Category A: OMDP
Category B: MDP
</t>
  </si>
  <si>
    <t xml:space="preserve">RFP 21/2017 </t>
  </si>
  <si>
    <t>Appointment of a Chairperson for SARS National Bargaining Forum</t>
  </si>
  <si>
    <t>Ilanga Labour Associates</t>
  </si>
  <si>
    <t>RFP 020/2018</t>
  </si>
  <si>
    <t>APPOINTMENT OF A SERVICE PROVIDER TO PROVIDE SARS WITH BRAND AND BUSINESS PERCEPTION SURVEYS</t>
  </si>
  <si>
    <t>Ground Control Connect (Pty) Ltd</t>
  </si>
  <si>
    <t>RFP 33/2017</t>
  </si>
  <si>
    <t>Provision of pre-employment screening and related services</t>
  </si>
  <si>
    <t>MANAGED INTEGRITY EVALUATION (PTY) LTD</t>
  </si>
  <si>
    <t xml:space="preserve">RFP 16/2018 </t>
  </si>
  <si>
    <t>Provision of travel management and related services.</t>
  </si>
  <si>
    <t>Travel With Flair (Pty) Ltd</t>
  </si>
  <si>
    <t xml:space="preserve">RFP 14/2018 </t>
  </si>
  <si>
    <t xml:space="preserve">Supply and delivery of public seating for SARS taxpayer service offices </t>
  </si>
  <si>
    <t>Sarski Trading (Pty) Ltd</t>
  </si>
  <si>
    <t xml:space="preserve">RFP 15/2018A </t>
  </si>
  <si>
    <t xml:space="preserve">Supply and delivery of visitors chairs for SARS offices nationwide </t>
  </si>
  <si>
    <t>Bidvest Waltons</t>
  </si>
  <si>
    <t xml:space="preserve">RFP 15/2018B </t>
  </si>
  <si>
    <t xml:space="preserve">Supply, delivery and installation of office furniture at SARS Bloemfontein taxpayer service office </t>
  </si>
  <si>
    <t xml:space="preserve">Shumash Trading Enterprise </t>
  </si>
  <si>
    <t>RFP 14/2017</t>
  </si>
  <si>
    <t>Appointment of a panel of service providers for Information Technology Services</t>
  </si>
  <si>
    <t xml:space="preserve"> </t>
  </si>
  <si>
    <t>APPOINTMENT OF A SERVICE PROVIDER FOR STAGING SARS ANNUAL AMAKHWEZI NATIONAL AWARDS CEREMONY</t>
  </si>
  <si>
    <t>THE COMMUNICATION FIRM (PTY) LTD</t>
  </si>
  <si>
    <t xml:space="preserve">RFP 48/2018 - Closed tender from a pre-approved panel
</t>
  </si>
  <si>
    <t>RFP 19/2017</t>
  </si>
  <si>
    <t>A SURVEY TO GUAGE PUBLIC OPINION ON TAX COMPLIANCE</t>
  </si>
  <si>
    <t>PLUS 94 RESEARCH (PTY) LTD</t>
  </si>
  <si>
    <t>RFP 34/2018</t>
  </si>
  <si>
    <t>Appointment of a qualified service 
provider (grade 5SN or higher) for the 
refurbishment and waterproofing of 
roofs at Alberton Campus Building</t>
  </si>
  <si>
    <t>Aquaproof Projects CC</t>
  </si>
  <si>
    <t>FIDELITY CASH SOLUTIONS (PTY) LTD</t>
  </si>
  <si>
    <t>RFP 60/2018</t>
  </si>
  <si>
    <t>Provision of Assets in Transit Services for SARS</t>
  </si>
  <si>
    <t>RFP 31/2018</t>
  </si>
  <si>
    <t>The provision for the renewal of licensing, support and maintenance of micro focus
 testing tools</t>
  </si>
  <si>
    <t>EOH Mthombo Pty (Ltd)</t>
  </si>
  <si>
    <t>Contract Price:</t>
  </si>
  <si>
    <t>Preference Points Claimed</t>
  </si>
  <si>
    <t xml:space="preserve">Contract Period </t>
  </si>
  <si>
    <t>Price</t>
  </si>
  <si>
    <t xml:space="preserve">BBBEE </t>
  </si>
  <si>
    <t>Names of Directors</t>
  </si>
  <si>
    <t xml:space="preserve">Date of award. </t>
  </si>
  <si>
    <t>GARTNER SOUTH AFRICA (PTY) LTD</t>
  </si>
  <si>
    <t xml:space="preserve">4 ( Sub-contracting) </t>
  </si>
  <si>
    <t>FULLSTREAM BUSINESS SERVICES (PTY) LTD</t>
  </si>
  <si>
    <t>PRICEWATERHOUSE COOPERS INC</t>
  </si>
  <si>
    <t>GIJIMA HOLDINGS (PTY) LTD</t>
  </si>
  <si>
    <t>IBM SOUTH AFRICA (PTY) LTD</t>
  </si>
  <si>
    <t>AFRIGIS (PTY) LTD</t>
  </si>
  <si>
    <t>QUANTUM LEAP CONSULTING (PTY) LTD</t>
  </si>
  <si>
    <t>ALTRON TMT (PTY) LTD REPRESENTED BY BYTES UNIVERSAL SYSTEMS</t>
  </si>
  <si>
    <t>IKANDO (PTY) LTD T/A IT MASTER</t>
  </si>
  <si>
    <t>IN4 GROUP (PTY) LTD</t>
  </si>
  <si>
    <t>BAYAJULA (PTY) LTD</t>
  </si>
  <si>
    <t>BARONE BUDGE &amp; DOMINICK (PTY) LTD (BBD)</t>
  </si>
  <si>
    <t>INVENIO BUSINESS SOLUTION (International Entity)</t>
  </si>
  <si>
    <t xml:space="preserve">Non- Contributor  (Subcontracting) </t>
  </si>
  <si>
    <t>EOH MTHOMBO (PTY) LTD</t>
  </si>
  <si>
    <t>NAMBITI TECHNOLOGIES (PTY) LTD</t>
  </si>
  <si>
    <t>DELOITTE &amp; TOUCHE</t>
  </si>
  <si>
    <t>SIZWE AFRICA IT GROUP (PTY) LTD</t>
  </si>
  <si>
    <t>ACCENTURE (SOUTH AFRICA) (PTY) LTD</t>
  </si>
  <si>
    <t xml:space="preserve">MORVEST HUMAN CAPITAL MANAGEMENT (PTY) LTD </t>
  </si>
  <si>
    <t xml:space="preserve">GRANT THORNTON PS ADVISORY (PTY) LTD  </t>
  </si>
  <si>
    <t xml:space="preserve">BBBEE Level </t>
  </si>
  <si>
    <t>N/A</t>
  </si>
  <si>
    <t xml:space="preserve">72 months </t>
  </si>
  <si>
    <t xml:space="preserve">• Robert J Wilke 
• Tibor Zsadanyi 
• Johanna M Mukoki 
• Basetsana J Kumalo </t>
  </si>
  <si>
    <t xml:space="preserve">60 Months </t>
  </si>
  <si>
    <t>Unsuccessfull bidders at Price &amp; BBBEE:</t>
  </si>
  <si>
    <t>Propossed Price:</t>
  </si>
  <si>
    <t>Wings Naledi Travel</t>
  </si>
  <si>
    <t>Gemini Moon</t>
  </si>
  <si>
    <t>Incomplete information</t>
  </si>
  <si>
    <t>5 Months</t>
  </si>
  <si>
    <t>RFP 004/2018 - Closed tender from a pre-approved panel</t>
  </si>
  <si>
    <t>• Louise Michelle Caldeira
• Sara Catherine Gill
• Derrick James Grant
• Deana Gayle Heslop
• Lungile Thandeka Moleko
• Welcome Themba Msomi
• Aleesha Naidoo</t>
  </si>
  <si>
    <t>36 Months</t>
  </si>
  <si>
    <t>Refer to PWC Inc CSD Report (list of directors)</t>
  </si>
  <si>
    <t>2 Months</t>
  </si>
  <si>
    <t>• Caroline Nkanyiso Dube
• Bonnke Shipalana
• Given Mkhari
• Andile Khumalo</t>
  </si>
  <si>
    <t>• Mahmood Hoosen Fadal</t>
  </si>
  <si>
    <t xml:space="preserve">• Fatima Abrahams
• Israel Biziwe Skosana
• Jurie Johannes Erwee
• Michelle Pienaar
• Prabashni Naidoo
• Rehana Ebrahim
• Spiro Fatouros
• Makuparetsha Paul Nyama
• Israel Biziwe Skosana
• Makuparetsha Paul Nyama
</t>
  </si>
  <si>
    <t>12 Months</t>
  </si>
  <si>
    <t xml:space="preserve">• Anina Maree 
• Karon Leslie Clare </t>
  </si>
  <si>
    <t xml:space="preserve">• Catherina Elizabeth Van Der Merwe 
• John William King 
• Joseph Brian Gubbins </t>
  </si>
  <si>
    <t>Genex Insights</t>
  </si>
  <si>
    <t>Dots Africa</t>
  </si>
  <si>
    <t>ICAS</t>
  </si>
  <si>
    <t>ThisIsMe</t>
  </si>
  <si>
    <t>RMG Forensic</t>
  </si>
  <si>
    <t>Blue Moon Corporate Communications (Pty) Ltd</t>
  </si>
  <si>
    <t>The Communications Firm (Pty) Ltd</t>
  </si>
  <si>
    <t>Langalibalele Associates Inc t/a Lankalebalelo Attorneys</t>
  </si>
  <si>
    <t>Category A -Nelson Mandela University Business School</t>
  </si>
  <si>
    <t>Category A - Stellenbosch University through (SPL)</t>
  </si>
  <si>
    <t>Category A - UKZN Extended Learning (Pty) Ltd</t>
  </si>
  <si>
    <t>Category A - Henley Business School</t>
  </si>
  <si>
    <t>Category A - Regenesys Management (Pty) Ltd</t>
  </si>
  <si>
    <t>Category A - USB Executive Development (Pty) Ltd</t>
  </si>
  <si>
    <t>Category A - University of Free state</t>
  </si>
  <si>
    <t>Non-Compliant</t>
  </si>
  <si>
    <t>0 .00</t>
  </si>
  <si>
    <t>Category B - UKZN Extended Learning (Pty) Ltd</t>
  </si>
  <si>
    <t>Category B - Enterprise University of Pretoria (Pty) Ltd</t>
  </si>
  <si>
    <t>Category B - Nelson Mandela University Business School</t>
  </si>
  <si>
    <t>Category B - Stellenbosch University through SPL</t>
  </si>
  <si>
    <t>Category B - Henley Business School</t>
  </si>
  <si>
    <t>Category B - University of Free state</t>
  </si>
  <si>
    <t>Category B - USB Executive Development (Pty) Ltd</t>
  </si>
  <si>
    <t xml:space="preserve">• Moray Alexander Stewart Maclennan  
• James Neil Terry Hewit    
• Jacques Brynard Burger   
• Michael Abraham Abel   
• Jo-Ann Cindy Held      
• Monsoor Ahmed Salee    
• Ntone Jeremia Mpufane   
• Margaret Chaane   
• Joy-Margaret-Mary Des Fountain  
• Neo Ali Reginald Mashigo 
</t>
  </si>
  <si>
    <t>R 6,651,290.00</t>
  </si>
  <si>
    <t xml:space="preserve">Havas Worldwide Johannesburg (Pty) Ltd (Disqualified) at Technical </t>
  </si>
  <si>
    <t>Refer to Deloitte &amp; Touche CSD Report (list of directors)</t>
  </si>
  <si>
    <t>Ian Swanepoel
Shafaba Daniels                                                                    The Shafaba Trust                                                                                   The Swanepoel Familiy trust</t>
  </si>
  <si>
    <t>Andre Wayne February</t>
  </si>
  <si>
    <t>Hamilton Mmuagabo Hosiah Ratshefola
Pretty Charles
Ziaad Suleman
Sandra Verona Atkins-sadler</t>
  </si>
  <si>
    <t>INA VENTER  
EMMANUEL PILLAY      
MANOSI LEAH MATLALA</t>
  </si>
  <si>
    <t>VISHNU CHINNIAH                                                             
JENNITHA CHINNIAH</t>
  </si>
  <si>
    <t>MANDLA WEBSTER MADI                                                  
HAPPY MOLEFE</t>
  </si>
  <si>
    <t xml:space="preserve">ANDREW JOHN HOLDEN                                                      
MTETO NYATI                                                              
ALEXANDER MICHAEL RAMSAY SMITH                                             
MURUGAN COLLIN SUBRAMONY GOVENDER                               
MMAKGOMO ZIPHORA MAUBANE                                
DOLORES MASHISHI        </t>
  </si>
  <si>
    <t>ROBERT WELLINGTON GUMEDE                             
EILEEN ANN WILTON                                               
GILBERT ERNEST ROTH                                         
MOSES MAHUMUZANA NXUMALO                            ASHWIN HIRJEE TRIKAMJEE                                       MARK HERBERT RAYMOND BUSSIN                       SINDISWA VICTORIA ZILWA                                      RAYMOND SIFISO NDLOVU DABENGWA                  
ALAN CHARLES FARTHING                                         CLIVE JULIAN BUTKOW                                             DEON VAN DER WALT</t>
  </si>
  <si>
    <t>ANGUS MALCOLM JOHN PRINGLE                                          
MARANG MASHOLOGU</t>
  </si>
  <si>
    <t>PARTHA SAROTHI BHATTACHARYA                                                
MANISH GOYAL                                                                                  
ARUN BALA                                                                                     
JYOTI GOYAL                                                                                   
MARTIN SOBOTWA                                                                             
 NAVEEN AGARWAL</t>
  </si>
  <si>
    <t>DION DOMINIC RAMOO                                                                 
JOHN WILLIAM  KING                                                                            
 JEHAN MACKAY                                                                   
ZUNAID MAYET                                                                  
ROBERT DURBAN GODLONTON                                        
EBRAHIM ABOOBAKER LAHER</t>
  </si>
  <si>
    <t xml:space="preserve">THERESA PEARL PAUL                                                                      
KEVIN GLENTHORN PAUL  </t>
  </si>
  <si>
    <t>STEPHEN PHILLIP NAUDE                                                              
HANNO VAN DYK                                                                    
SIBONGILE RADEBE                                                                               
 MINOLERD SPOELSTRA                                                                                  
VUKILE MEHANA                                                                         
DAVID KAN                                                                                                                         
GERALDINE MOKGETHI</t>
  </si>
  <si>
    <t>AKHA TRUST                                                                     
ACCENTURE S.A.R.L (Luxembourg)</t>
  </si>
  <si>
    <t xml:space="preserve">KIRAN RAMNATH                                                                              
SHARVIN HARINARAIN                                                                                 
ANTON MC LAREN                                                                                 
LUSANI RUDZANI NELWAMONDO                                                                          
 MARNELLE VAN NIEKERK
FORCYS (PTY) LTD         </t>
  </si>
  <si>
    <t>LEE-ANNE BAC                                                        
GILLIAN SAUNDERS                               
CHRISTELLE ANNA GROHMANN                                    
EBRAHIM YOUSSUF LAKHI                             
MARTIN JANSEN VAN VUUREN                              
OUPA MBOKODO                                       
RICHARD WILLIAM WALKER                                    
VINCENT NDZIMANDE ELIAS 
JACOBUS VAN DYK DE JAGER                                                              
SERENA HO                                                 
JACOBA VAN ANTWERPEN                                  
CARLA CLAMP                                             
AMEERA ISMAIL                                      
TERRENCE TEBOGO MOKALE                                                                            
MOKONE ELIAS NTSHIEA                                 
MICHIEL FREDERIK JONKER</t>
  </si>
  <si>
    <t xml:space="preserve">Ignatius Marthinus Rademeyer                                             
Charl Wilhelm Fouche                                                                 
Phineas Felokwakhe Mpangase                                          
Vodacom (Pty) Ltd                                                          
Zunaid Yousuf Mahomed                                                
Afrigis Group Share Incentive Trust 
WCF Share Trust </t>
  </si>
  <si>
    <t xml:space="preserve">Craig Warren Sefian 
Daniel Sorlin Peale (Resigned) </t>
  </si>
  <si>
    <t>12 months</t>
  </si>
  <si>
    <t>Sifiso Falala
Tirhani Ezekiel Mabunda
Rafal Janusz
Sheila  Onkaetseng Mmusi
Takalani Nicolette Mudau
Eyethu Women Trust
Kezia Sheik</t>
  </si>
  <si>
    <t>Citizen Surveys (Pty) Ltd</t>
  </si>
  <si>
    <t>Quest Research Services (Pty) Ltd</t>
  </si>
  <si>
    <t>Ask Africa (Pty) Ltd</t>
  </si>
  <si>
    <t>Human Sciences Research Council (Pty) Ltd</t>
  </si>
  <si>
    <t>RFP 0012/2018 
Closed tender from a pre-approved panel</t>
  </si>
  <si>
    <t>RFP 10/2019</t>
  </si>
  <si>
    <t>Appointment of a Group Life Insurer</t>
  </si>
  <si>
    <t>Alexander Forbes Life Limited</t>
  </si>
  <si>
    <t>Collier Mark Derrick</t>
  </si>
  <si>
    <t>Ramplin Marilyn</t>
  </si>
  <si>
    <t>Schmidt Rudolf Fritz</t>
  </si>
  <si>
    <t>Payne Nigel George</t>
  </si>
  <si>
    <t>Nyembezi Nonkululeko</t>
  </si>
  <si>
    <t>De Villiers Jacobus</t>
  </si>
  <si>
    <t>BrightRock Life Limited</t>
  </si>
  <si>
    <t>Liberty Group (Pty) Ltd</t>
  </si>
  <si>
    <t>MMI Group Limited</t>
  </si>
  <si>
    <t>OLD MUTUAL LIFE ASSURANCE COMPANY SA</t>
  </si>
  <si>
    <t>SANLAM LIFE INSURANCE (PTY) LTD</t>
  </si>
  <si>
    <t>Non-committal financial implication e.g. spend based on demand</t>
  </si>
  <si>
    <t>RFP 63/ 2018</t>
  </si>
  <si>
    <t>Appointment of a Suitable qualified general contractor to make changes to the fire escape doors and windows at Lehae La SARS for all floors of blocks A &amp; D only.</t>
  </si>
  <si>
    <t>Vumile Consulting &amp; Projects (Pty) Ltd</t>
  </si>
  <si>
    <t>3 Months</t>
  </si>
  <si>
    <t>Oniward Makeche</t>
  </si>
  <si>
    <t>Brilliant Nontobeko Shabalala</t>
  </si>
  <si>
    <t>RFP 63/2018</t>
  </si>
  <si>
    <t>Amile Projects (Pty) Ltd</t>
  </si>
  <si>
    <t>Ubangizwe Construction &amp; Plant Hire</t>
  </si>
  <si>
    <t>Urizima 145 cc</t>
  </si>
  <si>
    <t>Tswella Engineering Projects</t>
  </si>
  <si>
    <t>SBP Glass Aluminium Steelworks &amp;
 Construction</t>
  </si>
  <si>
    <t>Romsquared (Pty) LtD</t>
  </si>
  <si>
    <t>A Survey to guage public opinion on tax
compliance.</t>
  </si>
  <si>
    <t>RFP 52/2018</t>
  </si>
  <si>
    <t>Panel of Expert Advisory Services (Forensic Investigation, Internal Audit, Financial Risk Management, Valuations Advice, Debt Management and Digital Forensic Services)</t>
  </si>
  <si>
    <t>1. Abacus FCA (Pty) Ltd
2. Blitz Silcm J.V
3. Cyanre The Digital Forensic Lab (Pty) Ltd
4. ENS Forensics (Pty) Ltd
5. Entsika Consulting Services (Pty) Ltd
6. Exactech (Pty) Ltd
7. Forensic Investigation Risk &amp; Recovery Management (Pty) Ltd
8. Linda MacPhail Consulting (Pty) Ltd
9. Mazars Advisory (Pty) Ltd
10. Morar Incorporated
11. Nexia SAB &amp; T Chartered Accountants Incorporated
12. Nexus Forensic Services (Pty) Ltd
13. Ngubane and Company (Johannesburg) t/a Ngubane and Co.
14. OMA Chartered Accountants Inc.
15. Open Water Advanced Risk Solutions (Pty) Ltd
16. PriewaterhouseCoopers Inc.
17. Qhubeka Forensic Services (Pty) Ltd
18. Revenue Consulting (Pty) Ltd
19. RW Forensics and Consulting (Pty) Ltd
20. Santhos Manilall Forensics (Pty) Ltd
21. SizweNtsalubaGobodo Grant Thornton Advisory Services
22. StoneTurn Group South Africa (Pty) Ltd
23. Tic &amp; Mend (Pty) Ltd</t>
  </si>
  <si>
    <t>1.  = Level 1
2.  = Level 1
3.  = Level 2
4.  = Level 2
5.  = Level 1
6.  = Level 1
7.  = Level 1
8.  = Level 2
9.  = Level 1
10. = Level 1
11. = Level 1
12. = Level 2
13. = Level 1
14. = Level 1
15. = Level 2
16. = Level 2
17. = Level 2
18. = Level 2
19. = Level 2
20. = Level 1
21. = Level 1
22. = Level 4
23. = Level 1</t>
  </si>
  <si>
    <t xml:space="preserve">N/A </t>
  </si>
  <si>
    <t xml:space="preserve">R 66 973 092.31 + 49% Contengy </t>
  </si>
  <si>
    <t>N/A: A panel of 23 service providers</t>
  </si>
  <si>
    <t>1. Bowman Gilfillan Incorporated
2. Buba Attorneys Incorporated
3. JGL Forensic Services (Pty) Ltd</t>
  </si>
  <si>
    <t>1. Level 2
2. Level 1
3. Level 4</t>
  </si>
  <si>
    <t>1. 18
2. 20
3. 12</t>
  </si>
  <si>
    <t>KPMG Services (Pty) Ltd</t>
  </si>
  <si>
    <t>Changes to the Fire Escape Doors &amp; Windows at Lehae La SARS for All Floors of Block A &amp; D Only</t>
  </si>
  <si>
    <t>90 days</t>
  </si>
  <si>
    <t>Onward Macheke</t>
  </si>
  <si>
    <t>Ubangizwe Construction and Plant Hire</t>
  </si>
  <si>
    <t xml:space="preserve">Level </t>
  </si>
  <si>
    <t>RFP 23/2019</t>
  </si>
  <si>
    <t xml:space="preserve">(Close Tender under RFP 14/2017) </t>
  </si>
  <si>
    <t xml:space="preserve">The appointment of Software testing resources for the HTML5 platform and Windows 10 Operating System </t>
  </si>
  <si>
    <t>Gijima Holding (Pty) Ltd</t>
  </si>
  <si>
    <t>various</t>
  </si>
  <si>
    <t>R 1 509 565.44</t>
  </si>
  <si>
    <t xml:space="preserve">Total contract price for 3 resources </t>
  </si>
  <si>
    <t xml:space="preserve">6 months </t>
  </si>
  <si>
    <t xml:space="preserve">Robert Wellington Gumede  </t>
  </si>
  <si>
    <t>Ashwin Hirjee Trikamjee</t>
  </si>
  <si>
    <t xml:space="preserve">Mark Bussin     </t>
  </si>
  <si>
    <t>EOH Mthombo (Pty) Ltd</t>
  </si>
  <si>
    <t>R 1 414 500.00</t>
  </si>
  <si>
    <t>Total contract price for 3 resources</t>
  </si>
  <si>
    <t>6 months</t>
  </si>
  <si>
    <t>Fatima Shereen Newman</t>
  </si>
  <si>
    <t>Lufuno Leslie Nevhutalu</t>
  </si>
  <si>
    <t>Ownership</t>
  </si>
  <si>
    <t>EOH HOLDINGS LTD</t>
  </si>
  <si>
    <t>R 2 609 856.00</t>
  </si>
  <si>
    <t xml:space="preserve">Total contract price for 4 resources. </t>
  </si>
  <si>
    <t xml:space="preserve">List of 268 directors and partners </t>
  </si>
  <si>
    <t>Deloitte Consulting (Pty) Ltd</t>
  </si>
  <si>
    <t>(Close Tender under RFP 14/2017)</t>
  </si>
  <si>
    <t>The appointment of Software testing resources for the HTML5 platform and Windows 10 Operating System</t>
  </si>
  <si>
    <t>Quantum Leap Consulting (Pty) Ltd</t>
  </si>
  <si>
    <t xml:space="preserve">No total contract price. </t>
  </si>
  <si>
    <t>Barone Budge and Dominick (Pty) Ltd.</t>
  </si>
  <si>
    <t>RFP0014/2019</t>
  </si>
  <si>
    <t xml:space="preserve">Provision of Integrated Pest Control Management  </t>
  </si>
  <si>
    <t xml:space="preserve">Masana </t>
  </si>
  <si>
    <t>Supercare Hygiene</t>
  </si>
  <si>
    <t xml:space="preserve">Kusile Hygiene N Industrial Service </t>
  </si>
  <si>
    <t xml:space="preserve">3 Years </t>
  </si>
  <si>
    <t>30/10/2019</t>
  </si>
  <si>
    <t>3 Years</t>
  </si>
  <si>
    <t>Hermanus Fouche
Frank Pisane
Stephen Rushton</t>
  </si>
  <si>
    <t xml:space="preserve">Mikateko Richard Mkhombo
Tshililo Cynthia Mkhombo </t>
  </si>
  <si>
    <t>Nomveliso Olga Ncube</t>
  </si>
  <si>
    <t>Stephen Jon Van Collier
Megan Loanne Pydigadu</t>
  </si>
  <si>
    <t xml:space="preserve">Adventure Cleaning </t>
  </si>
  <si>
    <t>Level 2</t>
  </si>
  <si>
    <t xml:space="preserve">AB Group Carpet and Pest Control </t>
  </si>
  <si>
    <t>Level 1</t>
  </si>
  <si>
    <t>Sidze Pest Management and Projects</t>
  </si>
  <si>
    <t xml:space="preserve">Provision pf Integrated Pest Control Management  </t>
  </si>
  <si>
    <t xml:space="preserve">Royal Pest Management </t>
  </si>
  <si>
    <t xml:space="preserve">Bhekani Abantu Security and Maintenance </t>
  </si>
  <si>
    <t>HGS Projects</t>
  </si>
  <si>
    <t xml:space="preserve">Kempston Cleaning Services </t>
  </si>
  <si>
    <t>Mana Pest Control Group</t>
  </si>
  <si>
    <t>Kameso Hygiene Group</t>
  </si>
  <si>
    <t xml:space="preserve">Bidvest Steiner </t>
  </si>
  <si>
    <t>Utshalomali Cleaning and Hygiene Solution</t>
  </si>
  <si>
    <t>Pay Pest Control</t>
  </si>
  <si>
    <t xml:space="preserve">Rentokil Initial </t>
  </si>
  <si>
    <t>Level 4</t>
  </si>
  <si>
    <t>RFP 004/2019</t>
  </si>
  <si>
    <t>APPOINTMENT OF A SERVICE PROVIDER FOR THE PROVISION OF MARKETING AND ADVERTISING SERVICES</t>
  </si>
  <si>
    <t>Avatar Agency (Pty) Ltd</t>
  </si>
  <si>
    <t xml:space="preserve">Mr  Zibusisozethu  </t>
  </si>
  <si>
    <t xml:space="preserve">       Mkhwanazi</t>
  </si>
  <si>
    <t xml:space="preserve">Mr  Mandlenkosi </t>
  </si>
  <si>
    <t xml:space="preserve">      Velokuhle Ngubane</t>
  </si>
  <si>
    <t>FCB Africa (Pty) Ltd</t>
  </si>
  <si>
    <t xml:space="preserve">                      Level 1</t>
  </si>
  <si>
    <t>R 5 851 351.80</t>
  </si>
  <si>
    <t xml:space="preserve">McCann Worldgroup South Africa (Pty) Ltd </t>
  </si>
  <si>
    <t xml:space="preserve">                     Level 3</t>
  </si>
  <si>
    <t>R 6 159 721.60</t>
  </si>
  <si>
    <t>ETIKET Brand Design (Pty) Ltd</t>
  </si>
  <si>
    <t xml:space="preserve">                    Level 2</t>
  </si>
  <si>
    <t>R 5 004 441.94</t>
  </si>
  <si>
    <t xml:space="preserve">MMS Communications South Africa (Pty ) Ltd t/a Publicis Communications </t>
  </si>
  <si>
    <t xml:space="preserve">                 Level 2</t>
  </si>
  <si>
    <t xml:space="preserve">             </t>
  </si>
  <si>
    <t>R 5 341 014.00</t>
  </si>
  <si>
    <t>Red Cherry Media Holdings (Pty) Ltd</t>
  </si>
  <si>
    <t xml:space="preserve">                    Level 1</t>
  </si>
  <si>
    <t xml:space="preserve">         </t>
  </si>
  <si>
    <t>R 4 591 260.00</t>
  </si>
  <si>
    <t>Retrolex Consultancy</t>
  </si>
  <si>
    <t xml:space="preserve">   </t>
  </si>
  <si>
    <t xml:space="preserve">R 5 002 851.73 </t>
  </si>
  <si>
    <t>Six Fingaz Media</t>
  </si>
  <si>
    <t xml:space="preserve">                 Level 1</t>
  </si>
  <si>
    <t>R 5 851 351.00</t>
  </si>
  <si>
    <t>House of Brave (Pty) Ltd</t>
  </si>
  <si>
    <t>Indingingiliza Advertising and Marketing</t>
  </si>
  <si>
    <t>A Few Good Men / June 15 Agency</t>
  </si>
  <si>
    <t xml:space="preserve">                     Level 1</t>
  </si>
  <si>
    <t>RFP 007/2019</t>
  </si>
  <si>
    <t>The Appointment of SAP IT Resources with Technical Capabilities to Assist SARS on the GRAP Migration Programme</t>
  </si>
  <si>
    <t xml:space="preserve">Accenture SA </t>
  </si>
  <si>
    <t>442 hours</t>
  </si>
  <si>
    <t>  Blue Moon Corporate Communications (Pty) Ltd</t>
  </si>
  <si>
    <t>      Mandla Bikwa Nhlapo</t>
  </si>
  <si>
    <t>          Safeea Rahiman</t>
  </si>
  <si>
    <t>         Andiswa Thandeka Ndoni</t>
  </si>
  <si>
    <t>         Mogomotsi Kelefetswe Boakgomo</t>
  </si>
  <si>
    <t>      Setjhaba Molloyi</t>
  </si>
  <si>
    <t>      Mncane Esau Mthunzi</t>
  </si>
  <si>
    <t>        Elijah Mfuniselwa Nkosi</t>
  </si>
  <si>
    <t xml:space="preserve"> AKHA Trust</t>
  </si>
  <si>
    <r>
      <t xml:space="preserve">     </t>
    </r>
    <r>
      <rPr>
        <sz val="10"/>
        <color rgb="FF000000"/>
        <rFont val="Calibri"/>
        <family val="2"/>
        <scheme val="minor"/>
      </rPr>
      <t>Accenture SARL Amsterdam</t>
    </r>
  </si>
  <si>
    <t>Busi Ntuli Communications</t>
  </si>
  <si>
    <t xml:space="preserve">                   Level 1</t>
  </si>
  <si>
    <t>Collective ID (Pty) Ltd</t>
  </si>
  <si>
    <t>Cut to Black Media (Pty) Ltd</t>
  </si>
  <si>
    <t xml:space="preserve">Havas Worldwide Johannesburg (Pty) Ltd </t>
  </si>
  <si>
    <t xml:space="preserve">                   Level 2</t>
  </si>
  <si>
    <t xml:space="preserve">882 Holding (Pty) Ltd T/A 882 People </t>
  </si>
  <si>
    <t xml:space="preserve">                  Level 1</t>
  </si>
  <si>
    <t xml:space="preserve">Afropulse Media (Pty) Ltd </t>
  </si>
  <si>
    <t xml:space="preserve">                                  </t>
  </si>
  <si>
    <t>Ink &amp; Feather Communications and Marketing CC)</t>
  </si>
  <si>
    <t>Mashabela Creatives Creative CC</t>
  </si>
  <si>
    <t>M&amp;C Saatchi Abel (Pty) Ltd</t>
  </si>
  <si>
    <t xml:space="preserve">Network BBDO (Pty) Ltd t/a Net#workBBDO </t>
  </si>
  <si>
    <t>Roering Creative Kin (Pty) Ltd</t>
  </si>
  <si>
    <t xml:space="preserve">                      Level 2</t>
  </si>
  <si>
    <t xml:space="preserve">Tsalena Media </t>
  </si>
  <si>
    <t>RFP 53/2018</t>
  </si>
  <si>
    <t>The acquisition, maintenance, support and related services for Security Administration and Reporting Solution supporting Z/OS Security Server (RACF)</t>
  </si>
  <si>
    <t>Blue Turtle Technologies (Pty) Ltd</t>
  </si>
  <si>
    <t>R4 073 121.42</t>
  </si>
  <si>
    <t>1. Ailwei Freddy Sinthumule</t>
  </si>
  <si>
    <t>2. Martyn Ivor Healy</t>
  </si>
  <si>
    <t>3. Geoffrey Mark van der Bosch</t>
  </si>
  <si>
    <t>4. Tshililo Christpher Luvhani</t>
  </si>
  <si>
    <t>13/03/2019</t>
  </si>
  <si>
    <t>3      years</t>
  </si>
  <si>
    <t>Business Connexion (Pty) Ltd</t>
  </si>
  <si>
    <t>RFP 46/2018</t>
  </si>
  <si>
    <t>Bulk Printing (Pre-Printed Forms)</t>
  </si>
  <si>
    <t>Shereno Printers CC</t>
  </si>
  <si>
    <t>5 Years</t>
  </si>
  <si>
    <t>Singh Kamlendra</t>
  </si>
  <si>
    <t>Singh Parnisha</t>
  </si>
  <si>
    <t>Singh Narijin</t>
  </si>
  <si>
    <t>Bulk Printing (System Generated Forms)</t>
  </si>
  <si>
    <t>Bidvest Data (a division of Bidvest Paperplus (Pty) Ltd)</t>
  </si>
  <si>
    <t>5 years</t>
  </si>
  <si>
    <t>Mcmahon Gillian Claire</t>
  </si>
  <si>
    <t>Wakeford Kevin Burman</t>
  </si>
  <si>
    <t>Madisa Nompumelelo Thembekile</t>
  </si>
  <si>
    <t>Uniprint (a division of Tiso Black Star Group (Pty) Ltd)</t>
  </si>
  <si>
    <t>Lithotec (a division of Bidvest (Pty) Ltd)</t>
  </si>
  <si>
    <t xml:space="preserve">Inside Data North (Pty) Ltd </t>
  </si>
  <si>
    <r>
      <t xml:space="preserve">RFP 48/2018 - </t>
    </r>
    <r>
      <rPr>
        <sz val="10"/>
        <rFont val="Arial Narrow"/>
        <family val="2"/>
      </rPr>
      <t>Closed tender from a pre-approved panel</t>
    </r>
    <r>
      <rPr>
        <b/>
        <sz val="10"/>
        <rFont val="Arial Narrow"/>
        <family val="2"/>
      </rPr>
      <t xml:space="preserve">
</t>
    </r>
  </si>
  <si>
    <r>
      <t>1. Accountants Law (Pty) Ltd
2. Basis Points Capital
3. Boikano Accountants Inc
4. CAJV (Pty) Ltd
5. Fumile_FTMG Joint Venture
6. Inqaba Kadiya Consulting
7. Ligwa Advisory Services</t>
    </r>
    <r>
      <rPr>
        <b/>
        <sz val="10"/>
        <color theme="1"/>
        <rFont val="Arial Narrow"/>
        <family val="2"/>
      </rPr>
      <t xml:space="preserve"> (withdrawn)</t>
    </r>
    <r>
      <rPr>
        <sz val="10"/>
        <color theme="1"/>
        <rFont val="Arial Narrow"/>
        <family val="2"/>
      </rPr>
      <t xml:space="preserve">
8. Maponya Johannesburg Incorporated
9. Nudebt Management
10 Ongoti Risk Management Services
11 Sedupe and Metja Consulting
12 Ubucule Accountants &amp; Genesis Consortium
13 Ukhozi Forensics and Consulting Services
14 Vezi and De Beers Inc.
15 Victorious Chartered Accountants Inc.
16 XTND Pty Ltd (</t>
    </r>
    <r>
      <rPr>
        <b/>
        <sz val="10"/>
        <color theme="1"/>
        <rFont val="Arial Narrow"/>
        <family val="2"/>
      </rPr>
      <t>withdrawn</t>
    </r>
    <r>
      <rPr>
        <sz val="10"/>
        <color theme="1"/>
        <rFont val="Arial Narrow"/>
        <family val="2"/>
      </rPr>
      <t>)
17 Ziyasiza Consulting (Pty) Ltd</t>
    </r>
  </si>
  <si>
    <t xml:space="preserve">Lebone Litho Printers (Pty) Ltd </t>
  </si>
  <si>
    <t>RFP 67/2018 (A)</t>
  </si>
  <si>
    <t>APPOINTMENT OF SERVICE PROVIDERS FOR INFORMATION TECHNOLOGY AND RELATED COURSES (CLASSROOM TRAINING DELIVERY)</t>
  </si>
  <si>
    <t>Gijima Holdings</t>
  </si>
  <si>
    <t>N/A (Unit Cost)</t>
  </si>
  <si>
    <t>3 years</t>
  </si>
  <si>
    <t xml:space="preserve">1. Alan Charles Farthing
2. Ashwin Hirjee Trikamjee
3. Clive Julian Butkow
4. Deon van der Walt
5. Gilbert Ernest Roth
6. Mark Herbert Raymond Bussin
7. Moses Maphumuzana Nxumalo
8. Robert Wellington Gumede
9.Sindiswa Victoria Zilwa
</t>
  </si>
  <si>
    <t>Impimpi Technologies</t>
  </si>
  <si>
    <t>4 years</t>
  </si>
  <si>
    <t>1. Neeltje Cornella Kruger</t>
  </si>
  <si>
    <t>Bytes People Solutions - A division of Altron TMT (Pty) Ltd</t>
  </si>
  <si>
    <t>Foster Melliar (Pty) Ltd</t>
  </si>
  <si>
    <t>CTU Training Solutions Corporate</t>
  </si>
  <si>
    <t>FACHS Business Consulting &amp; Training (Pty) Ltd</t>
  </si>
  <si>
    <t>Netcampus (Pty) Ltd</t>
  </si>
  <si>
    <t>Interactive Collaborative Training Worx (Pty) Ltd</t>
  </si>
  <si>
    <t>Analytix Academy</t>
  </si>
  <si>
    <t>Genwireless (Pty) Ltd</t>
  </si>
  <si>
    <t>IT Certification Academy</t>
  </si>
  <si>
    <t>Pink Elephant South Africa IT Management (Pty) Ltd</t>
  </si>
  <si>
    <t>Torque Technical Computer Training (Pty) Ltd</t>
  </si>
  <si>
    <t>Innovative Knowledge Worx Trading and Project (Pty) Ltd</t>
  </si>
  <si>
    <t xml:space="preserve">Randland IT Solutions </t>
  </si>
  <si>
    <t>RFP 67/2018 (B)</t>
  </si>
  <si>
    <t>APPOINTMENT OF SERVICE PROVIDERS FOR INFORMATION TECHNOLOGY AND RELATED COURSES (ONLINE TRAINING DELIVERY)</t>
  </si>
  <si>
    <t>RFP 34/2019</t>
  </si>
  <si>
    <t>Provision of Media Monitoring and Analysis Services</t>
  </si>
  <si>
    <t>Professional Evaluation and Research</t>
  </si>
  <si>
    <t>R 1 920 960.00</t>
  </si>
  <si>
    <t xml:space="preserve">Shanaaz Nel </t>
  </si>
  <si>
    <t>Novus Group (Pty) Ltd</t>
  </si>
  <si>
    <t>R 2 707 411.96</t>
  </si>
  <si>
    <t>KTM Knowledge Solutions</t>
  </si>
  <si>
    <t>RFP26/2019</t>
  </si>
  <si>
    <t>Appointment of a Service Provider for the Provision of Health Risk Management Services</t>
  </si>
  <si>
    <t>Soma Initiative (Pty) Ltd</t>
  </si>
  <si>
    <t xml:space="preserve">Unit pricing - </t>
  </si>
  <si>
    <t>spending based on the number of cases encountered per line item</t>
  </si>
  <si>
    <t>48 months</t>
  </si>
  <si>
    <t>Douglas Carl Baard</t>
  </si>
  <si>
    <t>Christopher David Shone</t>
  </si>
  <si>
    <t>Lee-Ann Gloria Hector</t>
  </si>
  <si>
    <t>Metropolitan Health Corporate (Pty) Ltd</t>
  </si>
  <si>
    <t>Alexander Forbes Health</t>
  </si>
  <si>
    <t>Proactive Health Solutions (Pty) Ltd</t>
  </si>
  <si>
    <t>Odire Consulting Services</t>
  </si>
  <si>
    <t>RFP 13/2019</t>
  </si>
  <si>
    <t>A survey to gauge public opinion on tax compliance</t>
  </si>
  <si>
    <t>IQ Business (Pty) Ltd</t>
  </si>
  <si>
    <t>R 4 525 796.25</t>
  </si>
  <si>
    <t>1.   Cracker, AS</t>
  </si>
  <si>
    <t>2.   Verburg, C</t>
  </si>
  <si>
    <t>3.   Carolus, CA</t>
  </si>
  <si>
    <t>4.   Ackerman, DA</t>
  </si>
  <si>
    <t>5.   Daya, D</t>
  </si>
  <si>
    <t>6.   Frankish, SN</t>
  </si>
  <si>
    <t>7.   Geeringh, L</t>
  </si>
  <si>
    <t>8.   Mokgatle, DD</t>
  </si>
  <si>
    <t>9.   Sowazi, NL</t>
  </si>
  <si>
    <r>
      <t xml:space="preserve">10. </t>
    </r>
    <r>
      <rPr>
        <sz val="10"/>
        <color rgb="FF000000"/>
        <rFont val="Calibri"/>
        <family val="2"/>
        <scheme val="minor"/>
      </rPr>
      <t>van Tonder. P</t>
    </r>
  </si>
  <si>
    <t>African Response (Pty) Ltd</t>
  </si>
  <si>
    <t>Citizen Survey (Pty) Ltd</t>
  </si>
  <si>
    <t>PricewaterhouseCoopers Inc.</t>
  </si>
  <si>
    <t>R 6 085 817.60</t>
  </si>
  <si>
    <t>R 6 627 546.50</t>
  </si>
  <si>
    <t>R 6 940 156.87</t>
  </si>
  <si>
    <t>R 7 495 665.50</t>
  </si>
  <si>
    <t>RFP 37/2019</t>
  </si>
  <si>
    <t>1.4000% for core benefits (non-committal funds)</t>
  </si>
  <si>
    <t>Non-core benefits (Impractical to disclose rates)</t>
  </si>
  <si>
    <t>60 Months with annual negotiations of rates</t>
  </si>
  <si>
    <t>De Villiers David Jacobus</t>
  </si>
  <si>
    <t>Schmidt Rudolf Fritz Robert Michael Head</t>
  </si>
  <si>
    <t>14/09/2020</t>
  </si>
  <si>
    <t>African Rainbow Life LTD</t>
  </si>
  <si>
    <t>Bryte Life Company Limited</t>
  </si>
  <si>
    <t>Bright Rock Life Limited</t>
  </si>
  <si>
    <t>Kunene Makopo Risk Solutions</t>
  </si>
  <si>
    <t>Liberty Group Limited</t>
  </si>
  <si>
    <t>Momentum Metropolitan Life</t>
  </si>
  <si>
    <t>Sanlam Life Insurance</t>
  </si>
  <si>
    <t>RFP 39/2019</t>
  </si>
  <si>
    <t>Maintenance and support, diesel replenishment and online monitoring of back-up generators for SARS offices nationwide for a period of 36 months</t>
  </si>
  <si>
    <t>Matase Industrial Solutions</t>
  </si>
  <si>
    <t>36 months</t>
  </si>
  <si>
    <t>Tapson Sadiki</t>
  </si>
  <si>
    <t>Infrasol Pty Ltd/ Datacentrix</t>
  </si>
  <si>
    <t>Shoba Projects</t>
  </si>
  <si>
    <t>S&amp;K Diesels (Pty) Ltd</t>
  </si>
  <si>
    <t>Level 3</t>
  </si>
  <si>
    <t>XON Systems (Pty) Ltd T/A NEC</t>
  </si>
  <si>
    <t>Tantus Trading 273 Pty Ltd/Genteq Generator Services</t>
  </si>
  <si>
    <t>Lambos Engineering Services</t>
  </si>
  <si>
    <t>Buwesi Generators CC</t>
  </si>
  <si>
    <t>Diesel Innovations Pty Ltd</t>
  </si>
  <si>
    <t>Excellent Electrical Projects</t>
  </si>
  <si>
    <t>Fullserve Services (Pty) Ltd</t>
  </si>
  <si>
    <t>Isiziba Projects</t>
  </si>
  <si>
    <t>Striving Minds Engineers and Contractors</t>
  </si>
  <si>
    <t>Reakgona Petroleum</t>
  </si>
  <si>
    <t>Master Power Technologies (Pty) Ltd</t>
  </si>
  <si>
    <t>Level 8</t>
  </si>
  <si>
    <t>Globalspek Group</t>
  </si>
  <si>
    <t>Maintenance and Support , diesel 
replenishment and online monitoring of
back-up generators for SARS offices 
nationwide for a period of 36 months.</t>
  </si>
  <si>
    <t>RFP 42/2019</t>
  </si>
  <si>
    <t>Alteration works SARS state warehouse ORTIA</t>
  </si>
  <si>
    <t>Urizima 145 CC</t>
  </si>
  <si>
    <t>Level 1 Contributor</t>
  </si>
  <si>
    <t xml:space="preserve">8 Weeks </t>
  </si>
  <si>
    <t>Malowa Collin</t>
  </si>
  <si>
    <t>30/11/2019</t>
  </si>
  <si>
    <t xml:space="preserve">Big 5 Newlife Building Consulting  </t>
  </si>
  <si>
    <t>Pro Contracts (PTY) LTD</t>
  </si>
  <si>
    <t>Moribo Wa Africa Trading Enterprise 33</t>
  </si>
  <si>
    <t xml:space="preserve">Shumani Development </t>
  </si>
  <si>
    <t>Maanda-Fhadeo Construction and Projects</t>
  </si>
  <si>
    <t>Leano Construction Solution</t>
  </si>
  <si>
    <t>Khauki Construction and Transport CC</t>
  </si>
  <si>
    <t>KGBW</t>
  </si>
  <si>
    <t>Khudumile Trading CC</t>
  </si>
  <si>
    <t>Vumile Consulting and Projects  (PTY)LTD</t>
  </si>
  <si>
    <t>Reabetswe Group (PTY) LTD</t>
  </si>
  <si>
    <t>T M Dynamic Projects (PTY) LTD</t>
  </si>
  <si>
    <t>C V Projects SA (PTY) LTD</t>
  </si>
  <si>
    <t>Nkawyezi Civil Enterprise CC</t>
  </si>
  <si>
    <t>Piet Jombere Construction</t>
  </si>
  <si>
    <t xml:space="preserve">Level 1 </t>
  </si>
  <si>
    <t>RFP05/2020</t>
  </si>
  <si>
    <t xml:space="preserve">Provision of ICT Facilities Services for SARS </t>
  </si>
  <si>
    <t>Deltron Projects ( Pty) Ltd</t>
  </si>
  <si>
    <t>Sizwe Africa IT Group ( Pty) Ltd</t>
  </si>
  <si>
    <t>Bridging Technologies South Africa ( PTY) LTD</t>
  </si>
  <si>
    <t>Small Medium Enterprise Support Services (Pty) Ltd</t>
  </si>
  <si>
    <t>Nzwalo Investments (Pty) Ltd t/a Lumacon Air conditioning</t>
  </si>
  <si>
    <t>Boron Facilities Management CC</t>
  </si>
  <si>
    <t>Bobcon Builders  and Renovations</t>
  </si>
  <si>
    <t>Ubuntu Technology (Pty) Ltd / Protronics Infrastructure Solutions (Pty) Ltd</t>
  </si>
  <si>
    <t>Dimension Data (Pty) Ltd</t>
  </si>
  <si>
    <t xml:space="preserve">Tsebo Solutions Group (Pty) Ltd </t>
  </si>
  <si>
    <t xml:space="preserve">Khoram Consulting </t>
  </si>
  <si>
    <t>Datacentrix (Pty) Ltd</t>
  </si>
  <si>
    <t>XON System</t>
  </si>
  <si>
    <t>R13 201 054.43</t>
  </si>
  <si>
    <t>60 months</t>
  </si>
  <si>
    <t>Israel Biziwe Skosana; Jan Carel Coetzee; Bart Maria Hector van Buynder; Daphne Ramaisela Motsepe; Mark John Harris</t>
  </si>
  <si>
    <t>Johnbak Solution cc/ AFMS Group</t>
  </si>
  <si>
    <t>R36 505 808.10</t>
  </si>
  <si>
    <t>60 Months</t>
  </si>
  <si>
    <t>Florah Reabetswe, Grant Robert Ranger; Lydia Norma Hendricks; Jamie Oscar Louw; Maja Susanne Macdougall; Cornelius Zilingene Dubase; Sue-Anne Celest Jenelle Ramsammy; Richard Patrick Gordon; Ronald Joseph Chetty</t>
  </si>
  <si>
    <t>RFP41/2019</t>
  </si>
  <si>
    <t>Tshedza Protective Services CC</t>
  </si>
  <si>
    <t>Maxi Phumelela Security (PTY) LTD</t>
  </si>
  <si>
    <t>Royal Security CC</t>
  </si>
  <si>
    <t>Fidelity Security Services (PTY) LTD</t>
  </si>
  <si>
    <t>Wenzile Phaphama Trading and Projects CC</t>
  </si>
  <si>
    <t>Security Services</t>
  </si>
  <si>
    <t xml:space="preserve">12 Months </t>
  </si>
  <si>
    <t>Phillip Matevhutevhu Mukhithi</t>
  </si>
  <si>
    <t>Livhuwani Portia Mukhithi</t>
  </si>
  <si>
    <t>1/12/2020</t>
  </si>
  <si>
    <t>Thandeka Patricia Mandindi</t>
  </si>
  <si>
    <t>Michelle Kidger de Villiers</t>
  </si>
  <si>
    <t>Ackim Dube</t>
  </si>
  <si>
    <t>Mageshpren Moodley</t>
  </si>
  <si>
    <t>Ingiphile Pamela Mogatlane</t>
  </si>
  <si>
    <t>Nonhlanhla Khethekile Nolwandwe</t>
  </si>
  <si>
    <t>Wahl Justice Bartmann</t>
  </si>
  <si>
    <t>Venay Shaun Maharai</t>
  </si>
  <si>
    <t>Jeremia Zondi Ndala</t>
  </si>
  <si>
    <t>Bongani Nicholus Mashinini</t>
  </si>
  <si>
    <t>RFP0041/2019</t>
  </si>
  <si>
    <t>Global Strake Security (PTY) LTD</t>
  </si>
  <si>
    <t>Bidvest Protea Coin (PTY) LTD</t>
  </si>
  <si>
    <t>Vusela Sanmva Joint Venture (PTY) LTD</t>
  </si>
  <si>
    <t>SSG Security Solutions (PTY) LTD</t>
  </si>
  <si>
    <t>Sinqobile Equestrian Security Services (PTY) LTD</t>
  </si>
  <si>
    <t>Smada Security Services PTY) LTD</t>
  </si>
  <si>
    <t>Pristo Response Trading (PTY) LTD</t>
  </si>
  <si>
    <t>Vusela Sanmva Jjoint Venture (PTY) LTD</t>
  </si>
  <si>
    <t>Smada Security Services (PTY) LTD</t>
  </si>
  <si>
    <t>Vusela Sanmva Joint Vventure (PTY) LTD</t>
  </si>
  <si>
    <t>Ligit Security Solutions</t>
  </si>
  <si>
    <t>Thorburn Security Solutions (PTY) LTD</t>
  </si>
  <si>
    <t>Marebole Security Solutions (PTY) LTD</t>
  </si>
  <si>
    <t>Tyeks Security Services</t>
  </si>
  <si>
    <t>Pholile Business Soltions</t>
  </si>
  <si>
    <t>Maduna Protection Services</t>
  </si>
  <si>
    <t>Nceda Cleaning and Security Services</t>
  </si>
  <si>
    <t>Fullserve Services (PTY) LTD</t>
  </si>
  <si>
    <t>Golden Security Solutions</t>
  </si>
  <si>
    <t>Eastern Guard Security</t>
  </si>
  <si>
    <t>Reliance Corporate Security Services (PTY) LTD</t>
  </si>
  <si>
    <t>RFP 22/2020</t>
  </si>
  <si>
    <t>Appointment of a grade 5EB or higher CIDB qualified service provider for the supply and installation of light fixtures at Pretoria Receiver of Revenue.</t>
  </si>
  <si>
    <t>R 4 005 970.38</t>
  </si>
  <si>
    <t>Once-Off</t>
  </si>
  <si>
    <t>Elroi Trading Enterprise CC</t>
  </si>
  <si>
    <t>Thifhelimbilu Veronica Sikhwari</t>
  </si>
  <si>
    <t>31/03/2021</t>
  </si>
  <si>
    <t>Rafuni JV</t>
  </si>
  <si>
    <t>R 4 313 528.07</t>
  </si>
  <si>
    <t>Namasthethu Electrical</t>
  </si>
  <si>
    <t>R 4 435 817.38</t>
  </si>
  <si>
    <t>Tshabalala Multi-Service</t>
  </si>
  <si>
    <t>R 4 650 955.55</t>
  </si>
  <si>
    <t>R 5 173 126.45</t>
  </si>
  <si>
    <t>Mokco Trading (Pty) Ltd</t>
  </si>
  <si>
    <t>R 5 916 792.09</t>
  </si>
  <si>
    <t>R 7 479 242.42</t>
  </si>
  <si>
    <t>TGP Projects</t>
  </si>
  <si>
    <t>R 8 598 405.50</t>
  </si>
  <si>
    <t xml:space="preserve">Not applicable. The bidder was disqualified at Mandatory Evaluation and not further evaluated for Price &amp; BEE </t>
  </si>
  <si>
    <t>Lighting and Allied MNF (Pty) Ltd</t>
  </si>
  <si>
    <t>Not applicable. The bidder was disqualified at Mandatory Evaluation and not further evaluated for Price &amp; BEE</t>
  </si>
  <si>
    <t>Boitumelo Batho &amp; Kavar JV</t>
  </si>
  <si>
    <t>Not applicable. The bidder was disqualified at Technical Evaluation and not further evaluated for Price &amp; BEE</t>
  </si>
  <si>
    <t>HCB Construction</t>
  </si>
  <si>
    <t>Burlington Electrical (Pty) Ltd</t>
  </si>
  <si>
    <t>MNSS Joint Venture (Multi-net systems and Siyakhula)</t>
  </si>
  <si>
    <t>Marungane Projects (Pty) Ltd</t>
  </si>
  <si>
    <t>Masedi Electric-Serve CC</t>
  </si>
  <si>
    <t>Cool Breeze Airconditioning and Refrigeration</t>
  </si>
  <si>
    <t>Kingki Electrical Contractor</t>
  </si>
  <si>
    <t>Mpofu Electrical Services</t>
  </si>
  <si>
    <t>Sivtech Engineering CC</t>
  </si>
  <si>
    <t>115 Electrical Solutions (Pty) Ltd</t>
  </si>
  <si>
    <t>RFP 12/2020</t>
  </si>
  <si>
    <t>Appointment of a Service Provider for the Provision of Medical Aid Brokerage Services to SARS</t>
  </si>
  <si>
    <t>Assegai Strategic Investments t/a ASI Financial Services (Pty) Ltd</t>
  </si>
  <si>
    <t>48 Months</t>
  </si>
  <si>
    <t xml:space="preserve">Anthony Govender </t>
  </si>
  <si>
    <t xml:space="preserve">Naseema Ephraim </t>
  </si>
  <si>
    <t xml:space="preserve">Justin Swanepoel </t>
  </si>
  <si>
    <t xml:space="preserve">Vusumuzi Maswili </t>
  </si>
  <si>
    <t xml:space="preserve">Wayne Geyer </t>
  </si>
  <si>
    <t xml:space="preserve">Junessa Govender </t>
  </si>
  <si>
    <t xml:space="preserve">Fazlin Swanepoel </t>
  </si>
  <si>
    <t xml:space="preserve">Lesego Kgampe </t>
  </si>
  <si>
    <t>09/06/2021</t>
  </si>
  <si>
    <t>Moso Consulting Services  (Pty) Ltd</t>
  </si>
  <si>
    <t>Imbewu Financial Services  (Pty) Ltd</t>
  </si>
  <si>
    <t>SARS UNSUCCESSFUL TENDER FOR 2018/2020</t>
  </si>
  <si>
    <t>SARS AWARDED TENDER FOR 2018/2020</t>
  </si>
  <si>
    <t>RFP 10/2020</t>
  </si>
  <si>
    <t>Appointment of a service provider for the provision of Pre-Employment screening &amp; related services</t>
  </si>
  <si>
    <t>Zoia Consulting (Pty) Ltd. t/a Dots Africa</t>
  </si>
  <si>
    <t>R 1 625 372.86</t>
  </si>
  <si>
    <t>•Raymond Sipho Ngcobo</t>
  </si>
  <si>
    <t>•Thokozani Ncedo Vilakazi</t>
  </si>
  <si>
    <t>•Kwazikwenkosi Zungu</t>
  </si>
  <si>
    <t>•Amani Joseph Mbara</t>
  </si>
  <si>
    <t>Managed Integrity Evaluation (Pty) Ltd.</t>
  </si>
  <si>
    <t>R 1 694 251.55</t>
  </si>
  <si>
    <t>Mogale Solution Providers (Pty) Ltd.</t>
  </si>
  <si>
    <t>Abacus Financial Crime Advisory (Pty) Ltd.</t>
  </si>
  <si>
    <t>Diphetogo Consulting (Pty) Ltd.</t>
  </si>
  <si>
    <t>Phakisa Holdings (Pty) Ltd.</t>
  </si>
  <si>
    <t>Manpower Group SA (Pty) Ltd.</t>
  </si>
  <si>
    <t>Unicus Solutions</t>
  </si>
  <si>
    <t>RFP 21/2020</t>
  </si>
  <si>
    <t>Appointment of a qualified Service Provider for The Provision of Canteen and Catering Services at SARS Alberton Campus, New Redruth for a period of three (3) years.</t>
  </si>
  <si>
    <t>Tsafrika Catering Solutions, a corporate catering division of Tsebo Solutions Group (Pty) Ltd</t>
  </si>
  <si>
    <t>Timothy Garret Walters
Kenneth Fussell
Andre Pierre Ferreira
Wynand Jacobus Louw
Christopher Rudolph Jardine
Robert Lee Brown
Tershia Morcom
Russell Jordan
Eelco Camminga
Willem Danie Nel
Hamid Kahn
Monwabisi Kalawe
Janine Tuck
Alwyn Botha
Shoba Govender
Marrion Lance Opperman (Zogan)
Donovan Wayne Foster
Aubrey Patrick McEinea
Noloyiso Rosalind Mahlakahlaka-Mhlubulwana
Ishara Singh
Hloniphile Gabela
Andile Vuyile Schanley Mgudiwa</t>
  </si>
  <si>
    <t>CCL Business Solutions (Pty) Ltd</t>
  </si>
  <si>
    <t>Not applicable. The bidder was disqualified prior to Price &amp; BEE evaluation.</t>
  </si>
  <si>
    <t>Dipontsho Primary Corporative Limited</t>
  </si>
  <si>
    <t>House of Shunem (Pty) Ltd</t>
  </si>
  <si>
    <t>Insigne Productions (Pty) Ltd</t>
  </si>
  <si>
    <t>L3 Maphelo The Media Hub</t>
  </si>
  <si>
    <t>Mndhavazi Trading Enterprise (Pty) Ltd</t>
  </si>
  <si>
    <t>NPN Holdings (Pty) Ltd</t>
  </si>
  <si>
    <t>Thandani Food Services</t>
  </si>
  <si>
    <t>RFP 11/2020</t>
  </si>
  <si>
    <t>Appointment of a service provider for one-on-one executive coaching services</t>
  </si>
  <si>
    <t>Change Partners Coaching (Pty) Ltd</t>
  </si>
  <si>
    <t>Lindiwe Mkhondo</t>
  </si>
  <si>
    <t>Andrew Philip Johnson</t>
  </si>
  <si>
    <t>Simone Irene Le Hane</t>
  </si>
  <si>
    <t>Loyiso Faith Mpantsha-Motau</t>
  </si>
  <si>
    <t>Leslie Henry Milton Weiss</t>
  </si>
  <si>
    <t>The Talent Hub International (Pty) Ltd</t>
  </si>
  <si>
    <t>R 5 834 180.00</t>
  </si>
  <si>
    <t>R 5 295 520.00</t>
  </si>
  <si>
    <t>Kerraz Services (Pty) Ltd T/A Global Future</t>
  </si>
  <si>
    <t>R 6 900 000.00</t>
  </si>
  <si>
    <t>ICAS Employee and Organisation Enhancement Services Southern Africa (Pty) Ltd T/A ICAS Southern Africa (Pty) Ltd</t>
  </si>
  <si>
    <t>R 4 242 499.50</t>
  </si>
  <si>
    <t>The Ontological Coaching Company T/A ONTCO</t>
  </si>
  <si>
    <t>R 4 223 375.00</t>
  </si>
  <si>
    <t>Nabantu Partners (Pty) Ltd</t>
  </si>
  <si>
    <t>R 6 304 300.00</t>
  </si>
  <si>
    <t xml:space="preserve">Joint Prosperity (Pty) Ltd </t>
  </si>
  <si>
    <t>R 7 299 786.00</t>
  </si>
  <si>
    <t>The Mufasa Mentoring and Business Coaching Practice (Pty) Ltd</t>
  </si>
  <si>
    <t>Inavit IQ Learning (Pty) Ltd</t>
  </si>
  <si>
    <t>TalentLine Consulting (Pty) Ltd</t>
  </si>
  <si>
    <t>Zenande Leadership Consulting (Pty) Ltd</t>
  </si>
  <si>
    <t>Connect Us Group T/A Talent Intel</t>
  </si>
  <si>
    <t>Mzantsi Coaches CC T/A Mzantsi Leadership Development</t>
  </si>
  <si>
    <t>Tonex Management Solutions</t>
  </si>
  <si>
    <t>The Integral Coaching Centre (Pty) Ltd T/A The Coaching Centre (Pty) Ltd</t>
  </si>
  <si>
    <t>RFP 26/2020</t>
  </si>
  <si>
    <t>Ikapa Express Auctioneers (Pty) Ltd</t>
  </si>
  <si>
    <t xml:space="preserve">3 years </t>
  </si>
  <si>
    <t>Appointment of a qualified service provider for Auctioneering Services for SARS Nationally.</t>
  </si>
  <si>
    <t>Bidder Choice/Ndila Auctioneers JV</t>
  </si>
  <si>
    <t xml:space="preserve">Spokes Auctioneers </t>
  </si>
  <si>
    <t>Liquidity Services SA</t>
  </si>
  <si>
    <t>4 Dimension Auctions</t>
  </si>
  <si>
    <t>Riley Auctioneers</t>
  </si>
  <si>
    <t xml:space="preserve">Rihlazana Auctions Gauteng </t>
  </si>
  <si>
    <t xml:space="preserve">Isivuno Auctioneers </t>
  </si>
  <si>
    <t xml:space="preserve">Aucor Bloemfontien </t>
  </si>
  <si>
    <t xml:space="preserve">Reatha Acquisition and Management </t>
  </si>
  <si>
    <t>Appointment of a Panel of Attorneys</t>
  </si>
  <si>
    <t>MF Jassat Dhlamini Incorporated</t>
  </si>
  <si>
    <t>Mohamed Fareed Jassat</t>
  </si>
  <si>
    <t>Msawenkosi Arthur Dlamini</t>
  </si>
  <si>
    <t>Azhar Mohamed Moola</t>
  </si>
  <si>
    <t>Azad Moolla</t>
  </si>
  <si>
    <t>Nthantheni Rodney Muthaphuli</t>
  </si>
  <si>
    <t>Ysuf Areff</t>
  </si>
  <si>
    <t>Hughes-Madondo Incorporated</t>
  </si>
  <si>
    <t>Dineshere Keekan</t>
  </si>
  <si>
    <t>Olivia Christine Swarding</t>
  </si>
  <si>
    <t>Maponya (Johannesburg) Incorporated</t>
  </si>
  <si>
    <t>Baitseng Ramakgahlela Rangata</t>
  </si>
  <si>
    <t>Elias Phatudi Maponya</t>
  </si>
  <si>
    <t>Tasneem Banu Antulay</t>
  </si>
  <si>
    <t>Yuval Jerushalmi</t>
  </si>
  <si>
    <t>Kgaugelo Salome Mogashoa</t>
  </si>
  <si>
    <t>Lynne Koen</t>
  </si>
  <si>
    <t>Thabiso Patrick Baloyi</t>
  </si>
  <si>
    <t>Sally Dikeledi Maila</t>
  </si>
  <si>
    <t>Palesa Ledwaba</t>
  </si>
  <si>
    <t>Anzelle Griesel</t>
  </si>
  <si>
    <t>Ledwaba Mazwai</t>
  </si>
  <si>
    <t>Metja Makgaledisa Troilus Alpha Ledwaba</t>
  </si>
  <si>
    <t>Lungile Gcinumzi Mazwai</t>
  </si>
  <si>
    <t>Mathopo Moshimane Mulangaphuma Inc practising as DM5 Incorporated</t>
  </si>
  <si>
    <t>Lerato Mathopo</t>
  </si>
  <si>
    <t>Reinette "Vele" Mulalo Mulangaphuma</t>
  </si>
  <si>
    <t>Ashley Allanby</t>
  </si>
  <si>
    <t>Vuyo Gordon Mkwibiso</t>
  </si>
  <si>
    <t>Tshaya Mashabela Attorneys</t>
  </si>
  <si>
    <t>Mary Tumelo Mashabela</t>
  </si>
  <si>
    <t>Bafana Ncube Incorporated</t>
  </si>
  <si>
    <t>Herbert Bafana Ncube</t>
  </si>
  <si>
    <t>Noko Maimela Inc</t>
  </si>
  <si>
    <t>Maimela Maanaso Howard</t>
  </si>
  <si>
    <t>FourieFismer Incorporated</t>
  </si>
  <si>
    <t>Carel Pieter Fourie</t>
  </si>
  <si>
    <t>David Botha Bekker</t>
  </si>
  <si>
    <t>Abby Paul Ntimbana</t>
  </si>
  <si>
    <t>Loius Johannes Fourie</t>
  </si>
  <si>
    <t>Bernard Wilhelm Bahlmann</t>
  </si>
  <si>
    <t>CMS RM Partners Inc</t>
  </si>
  <si>
    <t>Riza Ardiel Moosa</t>
  </si>
  <si>
    <t>Deepa Vallabh</t>
  </si>
  <si>
    <t>Yushanta Rungasammy</t>
  </si>
  <si>
    <t>Bernard Kabelo Mofokeng</t>
  </si>
  <si>
    <t>Zaakir Abdulla Mohammed</t>
  </si>
  <si>
    <t>Siphokazi Luyanda Gloria Kayana</t>
  </si>
  <si>
    <t>Verveen Attorneys</t>
  </si>
  <si>
    <t>Louis George Verveen</t>
  </si>
  <si>
    <t>Joubert Galpin &amp; Searle Inc. t/a Joubert Galpin Searie</t>
  </si>
  <si>
    <t>Michiel Coenraad Botha</t>
  </si>
  <si>
    <t>Warren Ronald Parker</t>
  </si>
  <si>
    <t>Rowan Forbes Willcock</t>
  </si>
  <si>
    <t>30 July &amp; August</t>
  </si>
  <si>
    <t>Karsans Incorporated</t>
  </si>
  <si>
    <t>Manoj Karsan</t>
  </si>
  <si>
    <t>Kailas Karsan</t>
  </si>
  <si>
    <t>Edward Nathan Sonnebergs Incorporated (EnsAfrica)</t>
  </si>
  <si>
    <t xml:space="preserve">Refer to attach list </t>
  </si>
  <si>
    <t>Vhonani Nemakanga Incorporated</t>
  </si>
  <si>
    <t>Vhonani Leonard Nemakanga</t>
  </si>
  <si>
    <t>Majang and Associates Inc</t>
  </si>
  <si>
    <t>Tsietsi Abram Majang</t>
  </si>
  <si>
    <t>Lawtons Africa</t>
  </si>
  <si>
    <t>Buckland Jeff Lawston</t>
  </si>
  <si>
    <t>Chauke Siafa</t>
  </si>
  <si>
    <t>Chenery Penelope Ann</t>
  </si>
  <si>
    <t>Engels Van Zyl Riette</t>
  </si>
  <si>
    <t>Govender Mahashini</t>
  </si>
  <si>
    <t>Hlatshwayo Nkonzo Abednego</t>
  </si>
  <si>
    <t>Kekesi Gomolemo</t>
  </si>
  <si>
    <t>Kouvelakis Dimitra</t>
  </si>
  <si>
    <t>Leibowitz Melissa</t>
  </si>
  <si>
    <t>Pillay Candice Christina</t>
  </si>
  <si>
    <t>Rumsey Clive Dominic Elliot</t>
  </si>
  <si>
    <t>Sathekge Hopewell Kholofelo Mafona</t>
  </si>
  <si>
    <t>Thema Setshephi Jeheil</t>
  </si>
  <si>
    <t>Vurgarellis Veronica Helen</t>
  </si>
  <si>
    <t>Dyason Attorneys</t>
  </si>
  <si>
    <t>Willem Daniel Gous</t>
  </si>
  <si>
    <t>Mervin Capazorio</t>
  </si>
  <si>
    <t>Sharon Mirellda Singh (Philip)</t>
  </si>
  <si>
    <t>Nompumelelo Hadebe Inc</t>
  </si>
  <si>
    <t>Mbuyiswa Simmon Hadebe</t>
  </si>
  <si>
    <t>Sifiso Paulos Thusi</t>
  </si>
  <si>
    <t>Macrobert Incorporated Attorneys</t>
  </si>
  <si>
    <t>Salijee Govender Van der Merwe Inc</t>
  </si>
  <si>
    <t>Fatima Salijee</t>
  </si>
  <si>
    <t>George van Der Merwe</t>
  </si>
  <si>
    <t>Clive Govender</t>
  </si>
  <si>
    <t>VDT Attorneys Inc</t>
  </si>
  <si>
    <t>Izak Daniel Petrus Burger</t>
  </si>
  <si>
    <t>Gerhardt Ploos Van Amstel</t>
  </si>
  <si>
    <t>Johan Liebenberg</t>
  </si>
  <si>
    <t>Barbara Coetzee</t>
  </si>
  <si>
    <t>Harrie Van eetveldt</t>
  </si>
  <si>
    <t>Elizabeth Magdalena Krause</t>
  </si>
  <si>
    <t>Ruan Botha</t>
  </si>
  <si>
    <t>Lucian Edwill Companie</t>
  </si>
  <si>
    <t>Philippus Rudolph De Wet</t>
  </si>
  <si>
    <t>Puke Maserumule Attorneys Incorporated</t>
  </si>
  <si>
    <t>Puke Andrew Maserumule</t>
  </si>
  <si>
    <t>Malatji &amp; Co Incorporated</t>
  </si>
  <si>
    <t>Tebogo Solomon Stephen Malatji</t>
  </si>
  <si>
    <t>Phungula Attorneys Inc</t>
  </si>
  <si>
    <t>Mlungisi Phungula</t>
  </si>
  <si>
    <t>Motsoeneng Bill Attorneys Inc</t>
  </si>
  <si>
    <t>Michael Motsoeneng Bill</t>
  </si>
  <si>
    <t xml:space="preserve">Reid Motalane Clay - Joint Venture </t>
  </si>
  <si>
    <t>Mojalemotho Mmakgaswane Dinana Reid</t>
  </si>
  <si>
    <t>Maloza Lawrence Makhubela</t>
  </si>
  <si>
    <t>Sekale Lavious Motalane</t>
  </si>
  <si>
    <t>Lauren Nicole Clay</t>
  </si>
  <si>
    <t>Tshepo Bobby Moumakoe</t>
  </si>
  <si>
    <t>Cliffe Dekker Hofmeyr Incorporated</t>
  </si>
  <si>
    <t>Gildenhuys Malatji Inc</t>
  </si>
  <si>
    <t>Markgraaff, Jacobus Hercules</t>
  </si>
  <si>
    <t>de Beer Jacobus Frederik</t>
  </si>
  <si>
    <t>Mahomed Aneeza</t>
  </si>
  <si>
    <t>Edwin S Nkwana Inc</t>
  </si>
  <si>
    <t>Segafi Edwin Nkwana</t>
  </si>
  <si>
    <t>VZLR Inc</t>
  </si>
  <si>
    <t>Jozanne Dickason</t>
  </si>
  <si>
    <t>Tamara Kirchner</t>
  </si>
  <si>
    <t>Jan Christiaan Kriek</t>
  </si>
  <si>
    <t>Petro Kruger</t>
  </si>
  <si>
    <t>Este Niemand</t>
  </si>
  <si>
    <t>Juan-Pierre Robbertse</t>
  </si>
  <si>
    <t>Theo Steyn</t>
  </si>
  <si>
    <t>Frederick van Biljon</t>
  </si>
  <si>
    <t>Charl Andre van Rensburg</t>
  </si>
  <si>
    <t>Theodor Waldemar Snyman</t>
  </si>
  <si>
    <t>Michelle van der Merwe</t>
  </si>
  <si>
    <t>Johann Wilhelm Joubert</t>
  </si>
  <si>
    <t>Jeanne Helen Rabie</t>
  </si>
  <si>
    <t>Bhavna Singh</t>
  </si>
  <si>
    <t>Azra Janse Van Vuuren</t>
  </si>
  <si>
    <t>Tshepo Fari</t>
  </si>
  <si>
    <t>Linda Mazibuko + Associates</t>
  </si>
  <si>
    <t>Gregory Linda Mazibuko</t>
  </si>
  <si>
    <t>MMMG Attorneys</t>
  </si>
  <si>
    <t>Boitumelo Madiba</t>
  </si>
  <si>
    <t>Seanego Attorneys Incorporated</t>
  </si>
  <si>
    <t>Theo Noko Seanego</t>
  </si>
  <si>
    <t>Cheadle Thompson &amp; Haysom Inc</t>
  </si>
  <si>
    <t>Nicolas Roland Leybourne Hayson</t>
  </si>
  <si>
    <t>Paul Stephen Benjamin</t>
  </si>
  <si>
    <t>Shaminma Gaibie</t>
  </si>
  <si>
    <t>Brendan Michael Barry</t>
  </si>
  <si>
    <t>Helena Catherina Norval</t>
  </si>
  <si>
    <t>Tefo Nehano Raditapole</t>
  </si>
  <si>
    <t>Grant John Doble</t>
  </si>
  <si>
    <t>Reynaud Neil Daniels</t>
  </si>
  <si>
    <t>Sobi Phillip Masilo</t>
  </si>
  <si>
    <t>Komeshan Naidoo</t>
  </si>
  <si>
    <t>Tapiwa Cecilia Gandidze</t>
  </si>
  <si>
    <t>Riona Kalau</t>
  </si>
  <si>
    <t>Molatelo Robert Makhura</t>
  </si>
  <si>
    <t>Palesa Marcia Msimanga</t>
  </si>
  <si>
    <t>Phatshoane Henney Attorneys</t>
  </si>
  <si>
    <t>Diale Mogashoa Inc</t>
  </si>
  <si>
    <t>Motshepe Donald Diale</t>
  </si>
  <si>
    <t>Madimpe Thabo Josias Mogashoa</t>
  </si>
  <si>
    <t>Ntando Makuyana</t>
  </si>
  <si>
    <t>Yagashen Pillay</t>
  </si>
  <si>
    <t>Mari Wilsnach</t>
  </si>
  <si>
    <t>Molebogeng Maake</t>
  </si>
  <si>
    <t>Pieter Jacobus de Beer</t>
  </si>
  <si>
    <t>M.S. Shaik Attorneys</t>
  </si>
  <si>
    <t>Muhammad Shafaath Shaik</t>
  </si>
  <si>
    <t>Lekhu Pilson Attorneys Inc</t>
  </si>
  <si>
    <t>Jones Mogola Lekhu</t>
  </si>
  <si>
    <t>Mbongeleni Edwin Pilson</t>
  </si>
  <si>
    <t>Bate Chubb and Dickson Inc</t>
  </si>
  <si>
    <t>John Angus Miles Waren</t>
  </si>
  <si>
    <t>Ashley Errol Kretzmann</t>
  </si>
  <si>
    <t>Kevyn Jason Chambers</t>
  </si>
  <si>
    <t>Melanie Victoria Kopke</t>
  </si>
  <si>
    <t>Castro Vuyani Tamsanqa Macozoma</t>
  </si>
  <si>
    <t>Bantu Mazingi</t>
  </si>
  <si>
    <t>Pieter Johannes Van Zyl</t>
  </si>
  <si>
    <t>Ramushu Mashile Tswala Inc</t>
  </si>
  <si>
    <t>Denga Incorporated</t>
  </si>
  <si>
    <t>Gcwalisile Makhathini</t>
  </si>
  <si>
    <t>Melatong Ramushu</t>
  </si>
  <si>
    <t>Alpheus Denga</t>
  </si>
  <si>
    <t>Leon van Staden</t>
  </si>
  <si>
    <t>Hendrik Johannes Van Eck</t>
  </si>
  <si>
    <t>Salma Munshi</t>
  </si>
  <si>
    <t>Dubenette Moolman</t>
  </si>
  <si>
    <t>Innis DuPreez</t>
  </si>
  <si>
    <t>Natasha Boshoff</t>
  </si>
  <si>
    <t>mohale Norman Magoshi</t>
  </si>
  <si>
    <t>Phosa Rakgadi Mercy</t>
  </si>
  <si>
    <t>Gray Anel</t>
  </si>
  <si>
    <t>Vilakazi Thenjiwe Pacific</t>
  </si>
  <si>
    <t>Venter Adriaan Pieter</t>
  </si>
  <si>
    <t>Erasmus Greyling</t>
  </si>
  <si>
    <t>Maodi Zachariah Thekiso</t>
  </si>
  <si>
    <t>Mith Stefani</t>
  </si>
  <si>
    <t>Shaw Zelmaine Elizabeth</t>
  </si>
  <si>
    <t>Vlok Timothy</t>
  </si>
  <si>
    <t>Dawail Neetu</t>
  </si>
  <si>
    <t>Shamout Reham Mazen</t>
  </si>
  <si>
    <t xml:space="preserve">Du Toit Anita </t>
  </si>
  <si>
    <t>Tebogo Matsai</t>
  </si>
  <si>
    <t>RFP 13/2020</t>
  </si>
  <si>
    <t>Mmakola Matsimela Inc</t>
  </si>
  <si>
    <t>Makgamatha Mnisi Attorneys</t>
  </si>
  <si>
    <t>Lebea Incorporated Attorneys</t>
  </si>
  <si>
    <t>Ammm Incorporated Attorneys</t>
  </si>
  <si>
    <t>Thokan Attorneys</t>
  </si>
  <si>
    <t>Molefe Dlepu Incorported</t>
  </si>
  <si>
    <t>Mahodi Attorneys</t>
  </si>
  <si>
    <t>Matabane Incorporated</t>
  </si>
  <si>
    <t>Mkhabela Huntley Attorneys Inc</t>
  </si>
  <si>
    <t>SM Vakalisa Incorporated</t>
  </si>
  <si>
    <t>Nyapatse Incorporated</t>
  </si>
  <si>
    <t>Stegmanns Incorporated</t>
  </si>
  <si>
    <t>MB Tshabangu Inc</t>
  </si>
  <si>
    <t>TP Khoza Attorneys Inc</t>
  </si>
  <si>
    <t>Klagsbrun Edelstein Bosman du Plessis Inc</t>
  </si>
  <si>
    <t>Mbokota Attorneys Inc</t>
  </si>
  <si>
    <t>Steven Maluleke Attorneys</t>
  </si>
  <si>
    <t>Memela Jones Incorporated</t>
  </si>
  <si>
    <t>Nchupetsang Inc. Attorneys</t>
  </si>
  <si>
    <t>Bonoko &amp; Maphokga Attorneys</t>
  </si>
  <si>
    <t>Chesley Mnisi Inc</t>
  </si>
  <si>
    <t>HM Choane Attorneys</t>
  </si>
  <si>
    <t>KNT Attorneys</t>
  </si>
  <si>
    <t>Ngoato Attorneys</t>
  </si>
  <si>
    <t>Lusenga Attorneys Inc + BM Kolisi Inc JV</t>
  </si>
  <si>
    <t>Matwa Nongogo Attorneys</t>
  </si>
  <si>
    <t>Poswa Incorporated</t>
  </si>
  <si>
    <t>Phukubje Pierce Masithela Attorneys</t>
  </si>
  <si>
    <t>AT Mpungose and Dlamini Inc</t>
  </si>
  <si>
    <t>Leepile Attorneys Incorporated</t>
  </si>
  <si>
    <t>Clyde and Co Inc</t>
  </si>
  <si>
    <t>Rooth and Wessels Inc t/a RW Attorneys</t>
  </si>
  <si>
    <t xml:space="preserve"> Lowndes Dlamini Inc   </t>
  </si>
  <si>
    <t>Buba Attorneys Incorporated</t>
  </si>
  <si>
    <t>Raborifi Raditlhalo Legal Services</t>
  </si>
  <si>
    <t>Apppointment of panal of Attorneys</t>
  </si>
  <si>
    <t>SE Dube Attorneys Incorporated</t>
  </si>
  <si>
    <t>Madima Attorneys Inc</t>
  </si>
  <si>
    <t>Duduzile Hlebela Inc</t>
  </si>
  <si>
    <t>Khumalo Masondo Attorneys Inc</t>
  </si>
  <si>
    <t>Mncedisi Ndlovu &amp; Sedumedi Inc</t>
  </si>
  <si>
    <t>Double M Medprac. Solumons (Pty) Ltd JV</t>
  </si>
  <si>
    <t>Taleni Godi Kupiso Inc</t>
  </si>
  <si>
    <t>Nkgapele and Nkgapele Attorneys</t>
  </si>
  <si>
    <t>Mphokane Attorneys Inc</t>
  </si>
  <si>
    <t>AA Solwandle Attorneys Inc</t>
  </si>
  <si>
    <t>Milton Makola Inc</t>
  </si>
  <si>
    <t>Mathebula Nkozi Attorneys South Africa</t>
  </si>
  <si>
    <t>Ramalekana Incorporated</t>
  </si>
  <si>
    <t>Werksmans Incorporated</t>
  </si>
  <si>
    <t>L Guzana Inc. Attorneys</t>
  </si>
  <si>
    <t>Bhayat Attorneys Inc</t>
  </si>
  <si>
    <t>Padi Incorporated Attorneys</t>
  </si>
  <si>
    <t>Mohala Moifo Attorneys Incorporated</t>
  </si>
  <si>
    <t>Mamatela Attorneys Incorporated</t>
  </si>
  <si>
    <t>Lucky Thekisho Inc Attorneys</t>
  </si>
  <si>
    <t>Majavu Inc</t>
  </si>
  <si>
    <t>Maluleke Inc. t/a Maluks Attorneys</t>
  </si>
  <si>
    <t>Adams and Adams</t>
  </si>
  <si>
    <t>Menezes and Mokobane Inc</t>
  </si>
  <si>
    <t>Savage Jooste &amp; Adams Incorporated</t>
  </si>
  <si>
    <t>Nelson Borman of Partners Inc Attorneys</t>
  </si>
  <si>
    <t>Nkosi Sabelo Incorporated</t>
  </si>
  <si>
    <t>Blignaut Neerahoo Incorporated Attorneys</t>
  </si>
  <si>
    <t>Maduba Attorneys Incorporated</t>
  </si>
  <si>
    <t>Ntanga Nkuhlu Incorporated</t>
  </si>
  <si>
    <t>Mothle Jooma Sabdia Inc</t>
  </si>
  <si>
    <t>Sikunyana Inc. Attorneys</t>
  </si>
  <si>
    <t>Mashiane Moodley &amp; Monama Incorporated</t>
  </si>
  <si>
    <t>RFP 19/2020</t>
  </si>
  <si>
    <t>Provision of Media Bulk Buying, Media Planning and Related Services</t>
  </si>
  <si>
    <t>SpaceGrow Media (Pty) Ltd</t>
  </si>
  <si>
    <t>R 68 400 921.01</t>
  </si>
  <si>
    <t xml:space="preserve">Nobelungu Grace Mxongo </t>
  </si>
  <si>
    <t xml:space="preserve">Bongiwe Sibisi </t>
  </si>
  <si>
    <t xml:space="preserve">Malcolm Ronald Goodford </t>
  </si>
  <si>
    <t xml:space="preserve">Johan Petrus Prins </t>
  </si>
  <si>
    <t xml:space="preserve">Morne Ebersohn </t>
  </si>
  <si>
    <t xml:space="preserve">Meta Media (Pty) Ltd </t>
  </si>
  <si>
    <t>R 87 759 702.24</t>
  </si>
  <si>
    <t xml:space="preserve">Red Cherry Media Holdings (Pty) Ltd </t>
  </si>
  <si>
    <t>R 117 620 462.75</t>
  </si>
  <si>
    <t xml:space="preserve">Interactive Brand Solutions </t>
  </si>
  <si>
    <t>R 118 783 066.28</t>
  </si>
  <si>
    <t xml:space="preserve">Ebony and Ivory Advertising Marketing Promotions (Pty) Ltd </t>
  </si>
  <si>
    <t>R 133 271 679.96</t>
  </si>
  <si>
    <t>The MediaShop (Pty) Ltd</t>
  </si>
  <si>
    <t>UM Division of IPG Capital Proprietary Limited</t>
  </si>
  <si>
    <t>RFP 32/2020</t>
  </si>
  <si>
    <t>APPOINTMENT OF A QUALIFIED SERVICE PROVIDER (GRADE 7GB OR HIGHER) FOR A TURNKEY SOLUTION TO REFURBISH THE NEW PIER STATE WAREHOUSE, DURBAN HARBOUR, KWAZULU-NATAL.</t>
  </si>
  <si>
    <t>Enza Construction (Pty) Ltd</t>
  </si>
  <si>
    <t>Once-off</t>
  </si>
  <si>
    <t>Rowan Mark Crowie</t>
  </si>
  <si>
    <t xml:space="preserve">Bheki Patrick Vilakazi </t>
  </si>
  <si>
    <t>Motheo Construction Group (Pty) Ltd</t>
  </si>
  <si>
    <t xml:space="preserve"> MSK Construction (Pty) Ltd</t>
  </si>
  <si>
    <t xml:space="preserve">Trencon Construction (Pty) Ltd </t>
  </si>
  <si>
    <t xml:space="preserve">Makole Property Developments </t>
  </si>
  <si>
    <t xml:space="preserve">CV Projects SA (Pty) Ltd </t>
  </si>
  <si>
    <t xml:space="preserve">Amicon (Pty) Ltd </t>
  </si>
  <si>
    <t xml:space="preserve">Thahameso Civil and Projects Management </t>
  </si>
  <si>
    <t xml:space="preserve">Highpana Projects CC </t>
  </si>
  <si>
    <t xml:space="preserve">Rapid Builders and Contractors CC </t>
  </si>
  <si>
    <t xml:space="preserve">P Wise Projects CC </t>
  </si>
  <si>
    <t>LDM Makhathini Consortium</t>
  </si>
  <si>
    <t>RFP 25/2020</t>
  </si>
  <si>
    <t>Shula Developers (Pty) Ltd</t>
  </si>
  <si>
    <t>Disalamapa TM Consulting JV Akani Properties</t>
  </si>
  <si>
    <t>Mpfumelelo Business Enterprise (Pty) Ltd</t>
  </si>
  <si>
    <t>Lehomo Trading (Pty) Ltd</t>
  </si>
  <si>
    <t>Universal RAS House (Pty) Ltd</t>
  </si>
  <si>
    <t>Pabla 23 Projects</t>
  </si>
  <si>
    <t>Mokoni Projects</t>
  </si>
  <si>
    <t>Maloma Holdings</t>
  </si>
  <si>
    <t>Chiefton Facilities</t>
  </si>
  <si>
    <t>Carabex (Pty) Ltd</t>
  </si>
  <si>
    <t>Evanto Group (Pty) Ltd</t>
  </si>
  <si>
    <t>Solomon &amp; Smith Property Developers and Builders</t>
  </si>
  <si>
    <t>Washirika 3 Oaks (Pty) Ltd</t>
  </si>
  <si>
    <t>Masiqhame Trading 651</t>
  </si>
  <si>
    <t>Uphil Construction</t>
  </si>
  <si>
    <t>Ibizo Trading (Pty) Ltd</t>
  </si>
  <si>
    <t>Khophela General Trading</t>
  </si>
  <si>
    <t>GAO Business Project CC</t>
  </si>
  <si>
    <t>Phehla Umsebenzi Trading 123</t>
  </si>
  <si>
    <t>SCM Facilities Services</t>
  </si>
  <si>
    <t>Jonginkosi Trading and Projects</t>
  </si>
  <si>
    <t>Matshota Trading</t>
  </si>
  <si>
    <t>Jelwane Construction</t>
  </si>
  <si>
    <t>Blacktop Civils</t>
  </si>
  <si>
    <t>T3/Exxeding Grace JV</t>
  </si>
  <si>
    <t>Nkuriso Development Projects</t>
  </si>
  <si>
    <t>Ledos Investments (Pty) Ltd</t>
  </si>
  <si>
    <t>Dzivha Civils (Pty) Ltd</t>
  </si>
  <si>
    <t>Lekopo Le Bakgalaka Son (Pty) Ltd</t>
  </si>
  <si>
    <t>MBDZY Trading &amp; General Supply</t>
  </si>
  <si>
    <t>Sekhwele Construction CC</t>
  </si>
  <si>
    <t>Black Ambition</t>
  </si>
  <si>
    <t>Dzivha Group</t>
  </si>
  <si>
    <t>Tamawa</t>
  </si>
  <si>
    <t>Concor Construction</t>
  </si>
  <si>
    <t>Leruwaruwa Group</t>
  </si>
  <si>
    <t>Clear Construction</t>
  </si>
  <si>
    <t>Teekay Holdings (Pty) Ltd</t>
  </si>
  <si>
    <t>Mmapadi Group (Pty) Ltd</t>
  </si>
  <si>
    <t>Lewatle Construction Services (Pty) Ltd</t>
  </si>
  <si>
    <t>Trencon Construction (Pty) Ltd</t>
  </si>
  <si>
    <t>Zookie Construction &amp; Projects</t>
  </si>
  <si>
    <t>Gabsane Holdings</t>
  </si>
  <si>
    <t>Soaring Summits Group (Pty) Ltd</t>
  </si>
  <si>
    <t>Rabbo Multi Solutions (Pty) Ltd</t>
  </si>
  <si>
    <t>Levy Building Construction &amp; Projects CC</t>
  </si>
  <si>
    <t>SB Delivery Services CC</t>
  </si>
  <si>
    <t>SSM Clinical Solutions (Pty) Ltd</t>
  </si>
  <si>
    <t>The Efficiency People (Pty) Ltd</t>
  </si>
  <si>
    <t>Yona Yethu Consulting &amp; Project Management (Pty) Ltd</t>
  </si>
  <si>
    <t>Blue Dot Properties 1938 CC T/A Blue Dot Projects</t>
  </si>
  <si>
    <t>Masnet Projects (Pty) Ltd</t>
  </si>
  <si>
    <t>Mercy Kgaugelo Trading Enterprise</t>
  </si>
  <si>
    <t>ABE Contracting Services (Pty) Ltd</t>
  </si>
  <si>
    <t>Motheo Construction</t>
  </si>
  <si>
    <t>GC-MZ Trading &amp; Projects</t>
  </si>
  <si>
    <t>Kaemara Creations</t>
  </si>
  <si>
    <t>Mvelo Sane Consulting</t>
  </si>
  <si>
    <t>Novare Facilities (Pty) Ltd</t>
  </si>
  <si>
    <t>APPOINTMENT OF A PANEL OF GENERAL
 BUILDING (GB) CONTRACTORS FOR THE
 DECOMMISSION AND REFURBISHMENT OF
 VARIOUS SARS BUILDINGS, FOR A PERIOD
 OF THREE (3) YEARS</t>
  </si>
  <si>
    <t>Amile Projects</t>
  </si>
  <si>
    <t>Anytime We Come Trading and Projects</t>
  </si>
  <si>
    <t>Badiri Construction (Pty) Ltd</t>
  </si>
  <si>
    <t xml:space="preserve">Basarwa Construction (Pty) Ltd </t>
  </si>
  <si>
    <t>Bayetha (Pty) Ltd</t>
  </si>
  <si>
    <t>Bervely Hills Construction &amp; Projects</t>
  </si>
  <si>
    <t>Bicacon (Pty) Ltd</t>
  </si>
  <si>
    <t>Bidwin CC</t>
  </si>
  <si>
    <t>Bitophuti Project (Pty) Ltd</t>
  </si>
  <si>
    <t>Boitumelo Batho (Pty) Ltd</t>
  </si>
  <si>
    <t>Che 2 ter Trading</t>
  </si>
  <si>
    <t>Cities Landscaping and Project</t>
  </si>
  <si>
    <t>CR Max Projects</t>
  </si>
  <si>
    <t xml:space="preserve">Cuberoot Projects </t>
  </si>
  <si>
    <t>Davo's Cleaning and Safety T/A Mathabi Maintenance</t>
  </si>
  <si>
    <t>Dbrandon Suppliers</t>
  </si>
  <si>
    <t>DCM Project Professionals</t>
  </si>
  <si>
    <t>Digkati (Pty) Ltd</t>
  </si>
  <si>
    <t>Dudu, SGD Group JV</t>
  </si>
  <si>
    <t>Fishof 1331 CC</t>
  </si>
  <si>
    <t>Great White Panda (Pty) Ltd</t>
  </si>
  <si>
    <t>GST Office Refurb</t>
  </si>
  <si>
    <t xml:space="preserve">GVK Siya Zama Building Contractors (Pty) Ltd </t>
  </si>
  <si>
    <t>GVK Siya Zama Building Contractors Gauteng (Pty) Ltd</t>
  </si>
  <si>
    <t>Hometown Glory Trading (Pty) Ltd</t>
  </si>
  <si>
    <t>Iceburg Trading 634 CC</t>
  </si>
  <si>
    <t>Kamoso Projects CC</t>
  </si>
  <si>
    <t>KBMO (Pty) Ltd</t>
  </si>
  <si>
    <t>Kenny Ronny Consulting CC T/A Kenny Ronny Project</t>
  </si>
  <si>
    <t>Kgakwana Construction &amp; Enterprise</t>
  </si>
  <si>
    <t>Kgobas Trading and Projects</t>
  </si>
  <si>
    <t>Kolbern Difanya JV</t>
  </si>
  <si>
    <t>Kwen n Tee</t>
  </si>
  <si>
    <t>Lenati Properties (Pty) Ltd</t>
  </si>
  <si>
    <t>Lerandzu Trading</t>
  </si>
  <si>
    <t>Leshaka Construction (Pty) Ltd</t>
  </si>
  <si>
    <t>Lilithalethu Trading 41</t>
  </si>
  <si>
    <t>Liphake Projects</t>
  </si>
  <si>
    <t>Litshe Projects</t>
  </si>
  <si>
    <t>Manthabo2 Airconditioning Electrical and General Construction CC</t>
  </si>
  <si>
    <t>Maqaleni Building</t>
  </si>
  <si>
    <t>Marole Group</t>
  </si>
  <si>
    <t>Masana-Mashold Projects</t>
  </si>
  <si>
    <t>Masheleni Trading and Projects</t>
  </si>
  <si>
    <t>Mbhatsana Trading</t>
  </si>
  <si>
    <t>Mbhonya Trading and Projects</t>
  </si>
  <si>
    <t>Metsi Pele Projects (Pty) Ltd</t>
  </si>
  <si>
    <t>MGS Civils &amp; Supply (Pty) Ltd</t>
  </si>
  <si>
    <t>MIH Projects</t>
  </si>
  <si>
    <t>Mokgatle Holdings</t>
  </si>
  <si>
    <t>Molelo Construction</t>
  </si>
  <si>
    <t>Moreje Construction</t>
  </si>
  <si>
    <t>Motla Projects CC</t>
  </si>
  <si>
    <t>Muponi Property Management</t>
  </si>
  <si>
    <t>Mzanzi Group (Pty) Ltd</t>
  </si>
  <si>
    <t>NAP Designs (Pty) Ltd</t>
  </si>
  <si>
    <t>Neovest (Pty) Ltd</t>
  </si>
  <si>
    <t xml:space="preserve">NLG Group CC  </t>
  </si>
  <si>
    <t>Noks Place Trading and Shisanyama</t>
  </si>
  <si>
    <t>Nomcebo's Developers</t>
  </si>
  <si>
    <t>Ntitja General Trade</t>
  </si>
  <si>
    <t>Ntsubalala (Pty) Ltd</t>
  </si>
  <si>
    <t>Nzwalo Investments (Pty) Ltd T/A Lumacon Airconditioning</t>
  </si>
  <si>
    <t>Oritonda Projects</t>
  </si>
  <si>
    <t>Othaniel Consulting &amp; Projects</t>
  </si>
  <si>
    <t>Phunya Consulting CC</t>
  </si>
  <si>
    <t>Piet Jombere</t>
  </si>
  <si>
    <t>Pmash Project Management</t>
  </si>
  <si>
    <t>Proclivity Trading Enterprise</t>
  </si>
  <si>
    <t xml:space="preserve">Project Express Pro </t>
  </si>
  <si>
    <t>Pro-Serve Construction Solutions (Pty) Ltd</t>
  </si>
  <si>
    <t>Quadrant Holdings CC</t>
  </si>
  <si>
    <t>Rafuni (Pty) Ltd</t>
  </si>
  <si>
    <t>Reatha Acquisition and Management (Pty) Ltd</t>
  </si>
  <si>
    <t>RTZ Construction &amp; Projects</t>
  </si>
  <si>
    <t>Sanders Letsoalo Building Contractor</t>
  </si>
  <si>
    <t>Setia Engineering and Projects (Pty) Ltd</t>
  </si>
  <si>
    <t>Shalati Construction</t>
  </si>
  <si>
    <t>Sijaga Trading Enterprise</t>
  </si>
  <si>
    <t>Siviwe Jayiya Construction (Pty) Ltd</t>
  </si>
  <si>
    <t>SJ Global Construction</t>
  </si>
  <si>
    <t>SKS Business Solution CC</t>
  </si>
  <si>
    <t>SMZee Property Development</t>
  </si>
  <si>
    <t>Superose (Pty) Ltd</t>
  </si>
  <si>
    <t>Target Trading &amp; Projects</t>
  </si>
  <si>
    <t>Tavita Mahleko Projects</t>
  </si>
  <si>
    <t>Temi Construction (Pty) Ltd</t>
  </si>
  <si>
    <t>TG Precise Engineering</t>
  </si>
  <si>
    <t>Thahameso Civil and Project Management</t>
  </si>
  <si>
    <t>Tilbit Construction</t>
  </si>
  <si>
    <t>Tinongo Trading Enterprise</t>
  </si>
  <si>
    <t>Tokitone (Pty) Ltd</t>
  </si>
  <si>
    <t>Truhop (Pty) Ltd</t>
  </si>
  <si>
    <t>Tsoga O Bune Building Enterprise CC</t>
  </si>
  <si>
    <t>TTR080914 (Pty) Ltd</t>
  </si>
  <si>
    <t>Turnkey Interior</t>
  </si>
  <si>
    <t>Ukuza Consulting</t>
  </si>
  <si>
    <t>Vangwena Holdings</t>
  </si>
  <si>
    <t>Vhukudo Construction</t>
  </si>
  <si>
    <t>Viwo Projects (Pty) Ltd</t>
  </si>
  <si>
    <t>Wonza Success Services</t>
  </si>
  <si>
    <t>Xihlala Trading</t>
  </si>
  <si>
    <t>Xikhovotani Trading and Projects (Pty) Ltd</t>
  </si>
  <si>
    <t>YRK Civil Projects</t>
  </si>
  <si>
    <t>Zembeleni Transport and Projects CC</t>
  </si>
  <si>
    <t>Zimbi 76 Projects</t>
  </si>
  <si>
    <t>APPOINTMENT OF A PANEL OF GENERAL
 BUILDING (GB) CONTRACTORS FOR THE DECOMMISSION AND REFURBISHMENT OF VARIOUS SARS BUILDINGS, FOR A PERIOD OF THREE (3) YEARS</t>
  </si>
  <si>
    <t>Appointment of service provider(s) for the provision of cleaning consumables, chemicals and industrial equipment to SARS offices nationwide</t>
  </si>
  <si>
    <t>Medilac Group (Pty) Ltd</t>
  </si>
  <si>
    <t>12-18 months</t>
  </si>
  <si>
    <t>Thizwilondi Simon Muavha</t>
  </si>
  <si>
    <t>RFP 01/2021</t>
  </si>
  <si>
    <t xml:space="preserve"> Staza Cleaning Services (PTY)Ltd</t>
  </si>
  <si>
    <t xml:space="preserve"> Kusile Facilities Management</t>
  </si>
  <si>
    <t xml:space="preserve"> Industro Clean</t>
  </si>
  <si>
    <t>  Ikayelihle Cleaning Recruitment Service</t>
  </si>
  <si>
    <t xml:space="preserve"> XTF Logistics</t>
  </si>
  <si>
    <t xml:space="preserve"> Menzitha Management Consultants (Pty) Ltd</t>
  </si>
  <si>
    <t xml:space="preserve"> Utshalomali Cleaning &amp; Hygiene Solutions</t>
  </si>
  <si>
    <t>  ERC Supply Enterprise TA Risimati Group</t>
  </si>
  <si>
    <t>  Ramokgadi Trading 261 (PTY)Ltd</t>
  </si>
  <si>
    <t xml:space="preserve"> Orizoe Services CC</t>
  </si>
  <si>
    <t>RFP 15/2021</t>
  </si>
  <si>
    <t>Procurement and Support of the PADS4 Video and digital signage solution (Smart Displays) for 34 SARS Branches</t>
  </si>
  <si>
    <t>GX Connect (Pty) Ltd t/a Gaproc Media</t>
  </si>
  <si>
    <t>James van der Linde Stander</t>
  </si>
  <si>
    <t>XON Systems (Pty) Ltd</t>
  </si>
  <si>
    <t>Mudau Picture Framers JV Audio Visual Centre (Pty) Ltd</t>
  </si>
  <si>
    <t>Sage Wise 1159 CC</t>
  </si>
  <si>
    <t>Apex Business Systems (Pty) Lt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8" formatCode="&quot;R&quot;\ #,##0.00;[Red]&quot;R&quot;\ \-#,##0.00"/>
    <numFmt numFmtId="44" formatCode="_ &quot;R&quot;\ * #,##0.00_ ;_ &quot;R&quot;\ * \-#,##0.00_ ;_ &quot;R&quot;\ * &quot;-&quot;??_ ;_ @_ "/>
    <numFmt numFmtId="164" formatCode="&quot;R&quot;\ #,##0.00"/>
  </numFmts>
  <fonts count="30" x14ac:knownFonts="1">
    <font>
      <sz val="11"/>
      <color theme="1"/>
      <name val="Calibri"/>
      <family val="2"/>
      <scheme val="minor"/>
    </font>
    <font>
      <b/>
      <sz val="11"/>
      <color theme="1"/>
      <name val="Calibri"/>
      <family val="2"/>
      <scheme val="minor"/>
    </font>
    <font>
      <sz val="10"/>
      <color theme="1"/>
      <name val="Arial Narrow"/>
      <family val="2"/>
    </font>
    <font>
      <b/>
      <sz val="12"/>
      <name val="Calibri"/>
      <family val="2"/>
      <scheme val="minor"/>
    </font>
    <font>
      <sz val="11"/>
      <color theme="1"/>
      <name val="Calibri"/>
      <family val="2"/>
      <scheme val="minor"/>
    </font>
    <font>
      <sz val="8"/>
      <color theme="1"/>
      <name val="Calibri"/>
      <family val="2"/>
      <scheme val="minor"/>
    </font>
    <font>
      <b/>
      <sz val="8"/>
      <color theme="1"/>
      <name val="Calibri"/>
      <family val="2"/>
      <scheme val="minor"/>
    </font>
    <font>
      <sz val="9"/>
      <name val="Arial Narrow"/>
      <family val="2"/>
    </font>
    <font>
      <sz val="11"/>
      <color theme="1"/>
      <name val="Arial"/>
      <family val="2"/>
    </font>
    <font>
      <b/>
      <sz val="11"/>
      <color theme="1"/>
      <name val="Arial"/>
      <family val="2"/>
    </font>
    <font>
      <b/>
      <sz val="12"/>
      <name val="Arial"/>
      <family val="2"/>
    </font>
    <font>
      <b/>
      <sz val="11"/>
      <name val="Arial"/>
      <family val="2"/>
    </font>
    <font>
      <sz val="10"/>
      <color theme="1"/>
      <name val="Arial"/>
      <family val="2"/>
    </font>
    <font>
      <sz val="10"/>
      <color theme="1"/>
      <name val="Calibri"/>
      <family val="2"/>
      <scheme val="minor"/>
    </font>
    <font>
      <sz val="10"/>
      <name val="Calibri"/>
      <family val="2"/>
      <scheme val="minor"/>
    </font>
    <font>
      <b/>
      <sz val="10"/>
      <name val="Calibri"/>
      <family val="2"/>
      <scheme val="minor"/>
    </font>
    <font>
      <b/>
      <sz val="10"/>
      <color theme="1"/>
      <name val="Calibri"/>
      <family val="2"/>
      <scheme val="minor"/>
    </font>
    <font>
      <sz val="10"/>
      <color rgb="FF000000"/>
      <name val="Calibri"/>
      <family val="2"/>
      <scheme val="minor"/>
    </font>
    <font>
      <b/>
      <sz val="10"/>
      <color theme="1"/>
      <name val="Arial Narrow"/>
      <family val="2"/>
    </font>
    <font>
      <sz val="10"/>
      <name val="Arial Narrow"/>
      <family val="2"/>
    </font>
    <font>
      <b/>
      <sz val="10"/>
      <name val="Arial Narrow"/>
      <family val="2"/>
    </font>
    <font>
      <sz val="10"/>
      <color rgb="FF000000"/>
      <name val="Arial Narrow"/>
      <family val="2"/>
    </font>
    <font>
      <sz val="14"/>
      <color theme="1"/>
      <name val="Arial"/>
      <family val="2"/>
    </font>
    <font>
      <b/>
      <sz val="10"/>
      <color rgb="FF000000"/>
      <name val="Arial Narrow"/>
      <family val="2"/>
    </font>
    <font>
      <b/>
      <sz val="10"/>
      <color theme="1"/>
      <name val="Arial"/>
      <family val="2"/>
    </font>
    <font>
      <sz val="11"/>
      <color theme="1"/>
      <name val="Arial Narrow"/>
      <family val="2"/>
    </font>
    <font>
      <sz val="10"/>
      <color rgb="FF000000"/>
      <name val="Arial"/>
      <family val="2"/>
    </font>
    <font>
      <sz val="10"/>
      <name val="Arial"/>
      <family val="2"/>
    </font>
    <font>
      <b/>
      <sz val="10"/>
      <name val="Arial"/>
      <family val="2"/>
    </font>
    <font>
      <sz val="10"/>
      <color rgb="FF000000"/>
      <name val="Calibri"/>
      <family val="2"/>
    </font>
  </fonts>
  <fills count="5">
    <fill>
      <patternFill patternType="none"/>
    </fill>
    <fill>
      <patternFill patternType="gray125"/>
    </fill>
    <fill>
      <patternFill patternType="solid">
        <fgColor theme="4" tint="0.79998168889431442"/>
        <bgColor indexed="64"/>
      </patternFill>
    </fill>
    <fill>
      <patternFill patternType="solid">
        <fgColor rgb="FFDDD9C3"/>
        <bgColor indexed="64"/>
      </patternFill>
    </fill>
    <fill>
      <patternFill patternType="solid">
        <fgColor rgb="FFFFFFFF"/>
        <bgColor indexed="64"/>
      </patternFill>
    </fill>
  </fills>
  <borders count="45">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medium">
        <color indexed="64"/>
      </right>
      <top style="medium">
        <color indexed="64"/>
      </top>
      <bottom/>
      <diagonal/>
    </border>
    <border>
      <left/>
      <right style="medium">
        <color indexed="64"/>
      </right>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medium">
        <color indexed="64"/>
      </left>
      <right/>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top style="medium">
        <color indexed="64"/>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bottom style="medium">
        <color indexed="64"/>
      </bottom>
      <diagonal/>
    </border>
  </borders>
  <cellStyleXfs count="2">
    <xf numFmtId="0" fontId="0" fillId="0" borderId="0"/>
    <xf numFmtId="44" fontId="4" fillId="0" borderId="0" applyFont="0" applyFill="0" applyBorder="0" applyAlignment="0" applyProtection="0"/>
  </cellStyleXfs>
  <cellXfs count="546">
    <xf numFmtId="0" fontId="0" fillId="0" borderId="0" xfId="0"/>
    <xf numFmtId="0" fontId="1" fillId="0" borderId="0" xfId="0" applyFont="1" applyBorder="1" applyAlignment="1">
      <alignment horizontal="left" vertical="center"/>
    </xf>
    <xf numFmtId="0" fontId="0" fillId="0" borderId="0" xfId="0" applyAlignment="1">
      <alignment horizontal="lef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2" fillId="0" borderId="0" xfId="0" applyFont="1" applyBorder="1" applyAlignment="1">
      <alignment horizontal="left" vertical="center" wrapText="1"/>
    </xf>
    <xf numFmtId="0" fontId="1" fillId="0" borderId="0" xfId="0" applyFont="1" applyAlignment="1">
      <alignment horizontal="left" vertical="center"/>
    </xf>
    <xf numFmtId="0" fontId="2" fillId="0" borderId="0" xfId="0" applyFont="1" applyBorder="1" applyAlignment="1">
      <alignment wrapText="1"/>
    </xf>
    <xf numFmtId="0" fontId="5" fillId="0" borderId="0" xfId="0" applyFont="1" applyAlignment="1">
      <alignment horizontal="left" vertical="center"/>
    </xf>
    <xf numFmtId="0" fontId="9" fillId="0" borderId="0" xfId="0" applyFont="1" applyBorder="1" applyAlignment="1">
      <alignment horizontal="left" vertical="center"/>
    </xf>
    <xf numFmtId="0" fontId="8" fillId="0" borderId="0" xfId="0" applyFont="1" applyAlignment="1">
      <alignment horizontal="left" vertical="center"/>
    </xf>
    <xf numFmtId="0" fontId="9" fillId="2" borderId="1" xfId="0" applyFont="1" applyFill="1" applyBorder="1" applyAlignment="1">
      <alignment horizontal="left" vertical="center"/>
    </xf>
    <xf numFmtId="0" fontId="9" fillId="2" borderId="2" xfId="0" applyFont="1" applyFill="1" applyBorder="1" applyAlignment="1">
      <alignment horizontal="left" vertical="center"/>
    </xf>
    <xf numFmtId="0" fontId="11" fillId="0" borderId="7" xfId="0" applyFont="1" applyBorder="1" applyAlignment="1">
      <alignment vertical="center" wrapText="1"/>
    </xf>
    <xf numFmtId="0" fontId="7" fillId="0" borderId="2" xfId="0" applyFont="1" applyBorder="1" applyAlignment="1">
      <alignment vertical="center" wrapText="1"/>
    </xf>
    <xf numFmtId="0" fontId="12" fillId="0" borderId="1" xfId="0" applyFont="1" applyBorder="1" applyAlignment="1">
      <alignment vertical="center" wrapText="1"/>
    </xf>
    <xf numFmtId="0" fontId="12" fillId="0" borderId="1" xfId="0" applyFont="1" applyBorder="1" applyAlignment="1">
      <alignment horizontal="center" vertical="center" wrapText="1"/>
    </xf>
    <xf numFmtId="0" fontId="12" fillId="0" borderId="1" xfId="0" applyFont="1" applyBorder="1" applyAlignment="1">
      <alignment horizontal="center" vertical="center"/>
    </xf>
    <xf numFmtId="15" fontId="12" fillId="0" borderId="1" xfId="0" applyNumberFormat="1" applyFont="1" applyBorder="1" applyAlignment="1">
      <alignment horizontal="center" vertical="center"/>
    </xf>
    <xf numFmtId="0" fontId="0" fillId="0" borderId="1" xfId="0" applyBorder="1"/>
    <xf numFmtId="0" fontId="0" fillId="0" borderId="13" xfId="0" applyBorder="1"/>
    <xf numFmtId="15" fontId="0" fillId="0" borderId="13" xfId="0" applyNumberFormat="1" applyBorder="1"/>
    <xf numFmtId="0" fontId="1" fillId="0" borderId="5" xfId="0" applyFont="1" applyBorder="1" applyAlignment="1">
      <alignment wrapText="1"/>
    </xf>
    <xf numFmtId="0" fontId="1" fillId="0" borderId="5" xfId="0" applyFont="1" applyBorder="1"/>
    <xf numFmtId="0" fontId="1" fillId="0" borderId="0" xfId="0" applyFont="1"/>
    <xf numFmtId="0" fontId="18" fillId="0" borderId="0" xfId="0" applyFont="1" applyBorder="1" applyAlignment="1">
      <alignment horizontal="center" vertical="center"/>
    </xf>
    <xf numFmtId="0" fontId="2" fillId="0" borderId="0" xfId="0" applyFont="1" applyAlignment="1">
      <alignment horizontal="center" vertical="center"/>
    </xf>
    <xf numFmtId="0" fontId="2" fillId="0" borderId="0" xfId="0" applyFont="1" applyAlignment="1">
      <alignment vertical="center"/>
    </xf>
    <xf numFmtId="0" fontId="2" fillId="0" borderId="0" xfId="0" applyFont="1" applyAlignment="1"/>
    <xf numFmtId="0" fontId="20" fillId="2" borderId="10"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2" xfId="0" applyFont="1" applyFill="1" applyBorder="1" applyAlignment="1">
      <alignment horizontal="center" vertical="center"/>
    </xf>
    <xf numFmtId="0" fontId="18" fillId="0" borderId="0" xfId="0" applyFont="1" applyAlignment="1">
      <alignment horizontal="center"/>
    </xf>
    <xf numFmtId="0" fontId="18" fillId="0" borderId="0" xfId="0" applyFont="1" applyAlignment="1">
      <alignment horizontal="left"/>
    </xf>
    <xf numFmtId="0" fontId="18" fillId="0" borderId="0" xfId="0" applyFont="1" applyAlignment="1">
      <alignment horizontal="center" vertical="center"/>
    </xf>
    <xf numFmtId="0" fontId="13" fillId="0" borderId="13" xfId="0" applyFont="1" applyBorder="1" applyAlignment="1">
      <alignment vertical="top"/>
    </xf>
    <xf numFmtId="0" fontId="13" fillId="0" borderId="13" xfId="0" applyFont="1" applyBorder="1" applyAlignment="1">
      <alignment vertical="top" wrapText="1"/>
    </xf>
    <xf numFmtId="0" fontId="16" fillId="0" borderId="13" xfId="0" applyFont="1" applyBorder="1" applyAlignment="1">
      <alignment vertical="center"/>
    </xf>
    <xf numFmtId="0" fontId="16" fillId="0" borderId="13" xfId="0" applyFont="1" applyBorder="1" applyAlignment="1">
      <alignment vertical="center" wrapText="1"/>
    </xf>
    <xf numFmtId="0" fontId="13" fillId="0" borderId="13" xfId="0" applyFont="1" applyBorder="1" applyAlignment="1">
      <alignment horizontal="center" vertical="top"/>
    </xf>
    <xf numFmtId="0" fontId="13" fillId="0" borderId="13" xfId="0" applyFont="1" applyBorder="1" applyAlignment="1">
      <alignment horizontal="center" vertical="center"/>
    </xf>
    <xf numFmtId="15" fontId="13" fillId="0" borderId="13" xfId="0" applyNumberFormat="1" applyFont="1" applyBorder="1" applyAlignment="1">
      <alignment horizontal="center" vertical="top"/>
    </xf>
    <xf numFmtId="0" fontId="2" fillId="0" borderId="13" xfId="0" applyFont="1" applyBorder="1" applyAlignment="1">
      <alignment vertical="top"/>
    </xf>
    <xf numFmtId="0" fontId="2" fillId="0" borderId="13" xfId="0" applyFont="1" applyBorder="1" applyAlignment="1">
      <alignment vertical="top" wrapText="1"/>
    </xf>
    <xf numFmtId="0" fontId="2" fillId="0" borderId="13" xfId="0" applyFont="1" applyBorder="1"/>
    <xf numFmtId="0" fontId="21" fillId="0" borderId="13" xfId="0" applyFont="1" applyBorder="1" applyAlignment="1">
      <alignment vertical="center" wrapText="1"/>
    </xf>
    <xf numFmtId="0" fontId="18" fillId="0" borderId="13" xfId="0" applyFont="1" applyBorder="1" applyAlignment="1">
      <alignment vertical="top"/>
    </xf>
    <xf numFmtId="0" fontId="20" fillId="2" borderId="10" xfId="0" applyFont="1" applyFill="1" applyBorder="1" applyAlignment="1">
      <alignment horizontal="center" vertical="top"/>
    </xf>
    <xf numFmtId="0" fontId="18" fillId="2" borderId="5" xfId="0" applyFont="1" applyFill="1" applyBorder="1" applyAlignment="1">
      <alignment horizontal="center" vertical="top"/>
    </xf>
    <xf numFmtId="0" fontId="18" fillId="2" borderId="11" xfId="0" applyFont="1" applyFill="1" applyBorder="1" applyAlignment="1">
      <alignment horizontal="center" vertical="top"/>
    </xf>
    <xf numFmtId="0" fontId="0" fillId="0" borderId="13" xfId="0" applyBorder="1" applyAlignment="1">
      <alignment vertical="top"/>
    </xf>
    <xf numFmtId="0" fontId="0" fillId="0" borderId="13" xfId="0" applyBorder="1" applyAlignment="1">
      <alignment vertical="top" wrapText="1"/>
    </xf>
    <xf numFmtId="0" fontId="13" fillId="0" borderId="11" xfId="0" applyFont="1" applyBorder="1" applyAlignment="1">
      <alignment horizontal="center" vertical="center" wrapText="1"/>
    </xf>
    <xf numFmtId="0" fontId="20" fillId="0" borderId="5" xfId="0" applyFont="1" applyBorder="1" applyAlignment="1">
      <alignment horizontal="center"/>
    </xf>
    <xf numFmtId="0" fontId="19" fillId="0" borderId="5" xfId="0" applyFont="1" applyBorder="1" applyAlignment="1">
      <alignment horizontal="left" wrapText="1"/>
    </xf>
    <xf numFmtId="0" fontId="15" fillId="0" borderId="5" xfId="0" applyFont="1" applyBorder="1" applyAlignment="1">
      <alignment horizontal="left" vertical="center" wrapText="1"/>
    </xf>
    <xf numFmtId="0" fontId="15" fillId="0" borderId="8" xfId="0" applyFont="1" applyBorder="1" applyAlignment="1">
      <alignment horizontal="left" vertical="center"/>
    </xf>
    <xf numFmtId="0" fontId="14"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1" xfId="0" applyFont="1" applyBorder="1" applyAlignment="1">
      <alignment horizontal="center" vertical="center"/>
    </xf>
    <xf numFmtId="15" fontId="13" fillId="0" borderId="5" xfId="0" applyNumberFormat="1" applyFont="1" applyBorder="1" applyAlignment="1">
      <alignment horizontal="center" vertical="center"/>
    </xf>
    <xf numFmtId="0" fontId="15" fillId="0" borderId="13" xfId="0" applyFont="1" applyBorder="1" applyAlignment="1">
      <alignment horizontal="left" vertical="center"/>
    </xf>
    <xf numFmtId="0" fontId="15" fillId="0" borderId="13" xfId="0" applyFont="1" applyBorder="1" applyAlignment="1">
      <alignment horizontal="left" vertical="center" wrapText="1"/>
    </xf>
    <xf numFmtId="0" fontId="14" fillId="0" borderId="13" xfId="0" applyFont="1" applyBorder="1" applyAlignment="1">
      <alignment horizontal="center" vertical="center"/>
    </xf>
    <xf numFmtId="164" fontId="13" fillId="0" borderId="13" xfId="0" applyNumberFormat="1" applyFont="1" applyBorder="1" applyAlignment="1">
      <alignment horizontal="center" vertical="center"/>
    </xf>
    <xf numFmtId="0" fontId="13" fillId="0" borderId="13" xfId="0" applyFont="1" applyBorder="1" applyAlignment="1">
      <alignment horizontal="center" vertical="center" wrapText="1"/>
    </xf>
    <xf numFmtId="15" fontId="13" fillId="0" borderId="13" xfId="0" applyNumberFormat="1" applyFont="1" applyBorder="1" applyAlignment="1">
      <alignment horizontal="center" vertical="center"/>
    </xf>
    <xf numFmtId="0" fontId="14" fillId="0" borderId="13" xfId="0" applyFont="1" applyBorder="1" applyAlignment="1">
      <alignment horizontal="center" vertical="center" wrapText="1"/>
    </xf>
    <xf numFmtId="8" fontId="13" fillId="0" borderId="13" xfId="0" applyNumberFormat="1" applyFont="1" applyBorder="1" applyAlignment="1">
      <alignment horizontal="center" vertical="center"/>
    </xf>
    <xf numFmtId="0" fontId="15" fillId="0" borderId="13" xfId="0" applyFont="1" applyFill="1" applyBorder="1" applyAlignment="1">
      <alignment horizontal="left" vertical="center"/>
    </xf>
    <xf numFmtId="0" fontId="15" fillId="0" borderId="13" xfId="0" applyFont="1" applyFill="1" applyBorder="1" applyAlignment="1">
      <alignment horizontal="left" vertical="center" wrapText="1"/>
    </xf>
    <xf numFmtId="0" fontId="14" fillId="0" borderId="13" xfId="0" applyFont="1" applyFill="1" applyBorder="1" applyAlignment="1">
      <alignment horizontal="center" vertical="center"/>
    </xf>
    <xf numFmtId="0" fontId="13" fillId="0" borderId="13" xfId="0" applyFont="1" applyFill="1" applyBorder="1" applyAlignment="1">
      <alignment horizontal="center" vertical="center"/>
    </xf>
    <xf numFmtId="8" fontId="13" fillId="0" borderId="13" xfId="0" applyNumberFormat="1" applyFont="1" applyFill="1" applyBorder="1" applyAlignment="1">
      <alignment horizontal="center" vertical="center"/>
    </xf>
    <xf numFmtId="0" fontId="13" fillId="0" borderId="13" xfId="0" applyFont="1" applyFill="1" applyBorder="1" applyAlignment="1">
      <alignment horizontal="center" vertical="center" wrapText="1"/>
    </xf>
    <xf numFmtId="15" fontId="13" fillId="0" borderId="13" xfId="0" applyNumberFormat="1" applyFont="1" applyFill="1" applyBorder="1" applyAlignment="1">
      <alignment horizontal="center" vertical="center"/>
    </xf>
    <xf numFmtId="0" fontId="16" fillId="0" borderId="13" xfId="0" applyFont="1" applyFill="1" applyBorder="1" applyAlignment="1">
      <alignment horizontal="left" vertical="center" wrapText="1"/>
    </xf>
    <xf numFmtId="0" fontId="16" fillId="0" borderId="13" xfId="0" applyFont="1" applyFill="1" applyBorder="1" applyAlignment="1">
      <alignment horizontal="left" vertical="center"/>
    </xf>
    <xf numFmtId="0" fontId="14" fillId="0" borderId="13" xfId="0" applyFont="1" applyFill="1" applyBorder="1" applyAlignment="1">
      <alignment horizontal="center" vertical="center" wrapText="1"/>
    </xf>
    <xf numFmtId="0" fontId="15" fillId="0" borderId="13" xfId="0" applyFont="1" applyBorder="1" applyAlignment="1">
      <alignment vertical="center" wrapText="1"/>
    </xf>
    <xf numFmtId="0" fontId="16" fillId="0" borderId="13" xfId="0" applyFont="1" applyBorder="1" applyAlignment="1">
      <alignment horizontal="left" vertical="center" wrapText="1"/>
    </xf>
    <xf numFmtId="0" fontId="13" fillId="0" borderId="13" xfId="0" applyFont="1" applyBorder="1" applyAlignment="1">
      <alignment horizontal="left" vertical="center" wrapText="1"/>
    </xf>
    <xf numFmtId="0" fontId="13" fillId="0" borderId="13" xfId="0" applyFont="1" applyBorder="1" applyAlignment="1">
      <alignment vertical="center" wrapText="1"/>
    </xf>
    <xf numFmtId="15" fontId="13" fillId="0" borderId="13" xfId="0" applyNumberFormat="1" applyFont="1" applyBorder="1" applyAlignment="1">
      <alignment horizontal="center" vertical="center" wrapText="1"/>
    </xf>
    <xf numFmtId="15" fontId="13" fillId="0" borderId="13" xfId="0" applyNumberFormat="1" applyFont="1" applyBorder="1" applyAlignment="1">
      <alignment vertical="center" wrapText="1"/>
    </xf>
    <xf numFmtId="0" fontId="16" fillId="0" borderId="13" xfId="0" applyFont="1" applyBorder="1" applyAlignment="1">
      <alignment horizontal="left" vertical="center"/>
    </xf>
    <xf numFmtId="0" fontId="17" fillId="0" borderId="13" xfId="0" applyFont="1" applyBorder="1" applyAlignment="1">
      <alignment horizontal="center" vertical="center" wrapText="1"/>
    </xf>
    <xf numFmtId="15" fontId="13" fillId="0" borderId="13" xfId="0" applyNumberFormat="1" applyFont="1" applyBorder="1" applyAlignment="1">
      <alignment horizontal="center" wrapText="1"/>
    </xf>
    <xf numFmtId="0" fontId="19" fillId="0" borderId="8" xfId="0" applyFont="1" applyBorder="1" applyAlignment="1">
      <alignment horizontal="left" vertical="center" wrapText="1"/>
    </xf>
    <xf numFmtId="0" fontId="19" fillId="0" borderId="8" xfId="0" applyFont="1" applyBorder="1" applyAlignment="1">
      <alignment horizontal="center" vertical="center"/>
    </xf>
    <xf numFmtId="0" fontId="2" fillId="0" borderId="5" xfId="0" applyFont="1" applyBorder="1" applyAlignment="1">
      <alignment horizontal="center" vertical="center"/>
    </xf>
    <xf numFmtId="0" fontId="2" fillId="0" borderId="11" xfId="0" applyFont="1" applyBorder="1" applyAlignment="1">
      <alignment horizontal="center" vertical="center"/>
    </xf>
    <xf numFmtId="8" fontId="2" fillId="0" borderId="5" xfId="0" applyNumberFormat="1" applyFont="1" applyBorder="1" applyAlignment="1">
      <alignment horizontal="right" vertical="center"/>
    </xf>
    <xf numFmtId="0" fontId="20" fillId="0" borderId="13" xfId="0" applyFont="1" applyBorder="1" applyAlignment="1">
      <alignment horizontal="center"/>
    </xf>
    <xf numFmtId="0" fontId="19" fillId="0" borderId="13" xfId="0" applyFont="1" applyBorder="1" applyAlignment="1">
      <alignment horizontal="left" wrapText="1"/>
    </xf>
    <xf numFmtId="0" fontId="19" fillId="0" borderId="13" xfId="0" applyFont="1" applyBorder="1" applyAlignment="1">
      <alignment horizontal="left"/>
    </xf>
    <xf numFmtId="0" fontId="19" fillId="0" borderId="13" xfId="0" applyFont="1" applyBorder="1" applyAlignment="1">
      <alignment horizontal="center" vertical="center"/>
    </xf>
    <xf numFmtId="0" fontId="19" fillId="0" borderId="13" xfId="0" applyFont="1" applyBorder="1" applyAlignment="1">
      <alignment horizontal="left" vertical="center"/>
    </xf>
    <xf numFmtId="0" fontId="19" fillId="0" borderId="13" xfId="0" applyFont="1" applyBorder="1" applyAlignment="1">
      <alignment horizontal="left" vertical="center" wrapText="1"/>
    </xf>
    <xf numFmtId="0" fontId="19" fillId="0" borderId="13" xfId="0" applyFont="1" applyBorder="1" applyAlignment="1">
      <alignment horizontal="center" vertical="center" wrapText="1"/>
    </xf>
    <xf numFmtId="0" fontId="2" fillId="0" borderId="13" xfId="0" applyFont="1" applyBorder="1" applyAlignment="1">
      <alignment horizontal="center" vertical="center"/>
    </xf>
    <xf numFmtId="164" fontId="19" fillId="0" borderId="13" xfId="0" applyNumberFormat="1" applyFont="1" applyBorder="1" applyAlignment="1">
      <alignment horizontal="center" vertical="center" wrapText="1"/>
    </xf>
    <xf numFmtId="0" fontId="2" fillId="0" borderId="13" xfId="0" applyFont="1" applyBorder="1" applyAlignment="1">
      <alignment horizontal="left"/>
    </xf>
    <xf numFmtId="8" fontId="2" fillId="0" borderId="13" xfId="0" applyNumberFormat="1" applyFont="1" applyBorder="1" applyAlignment="1">
      <alignment horizontal="right" vertical="center"/>
    </xf>
    <xf numFmtId="0" fontId="20" fillId="0" borderId="13" xfId="0" applyFont="1" applyFill="1" applyBorder="1" applyAlignment="1">
      <alignment horizontal="center"/>
    </xf>
    <xf numFmtId="0" fontId="19" fillId="0" borderId="13" xfId="0" applyFont="1" applyFill="1" applyBorder="1" applyAlignment="1">
      <alignment horizontal="left" wrapText="1"/>
    </xf>
    <xf numFmtId="0" fontId="19" fillId="0" borderId="13" xfId="0" applyFont="1" applyFill="1" applyBorder="1" applyAlignment="1">
      <alignment horizontal="left"/>
    </xf>
    <xf numFmtId="0" fontId="19" fillId="0" borderId="13" xfId="0" applyFont="1" applyFill="1" applyBorder="1" applyAlignment="1">
      <alignment horizontal="center" vertical="center"/>
    </xf>
    <xf numFmtId="0" fontId="2" fillId="0" borderId="13" xfId="0" applyFont="1" applyFill="1" applyBorder="1" applyAlignment="1">
      <alignment horizontal="center" vertical="center"/>
    </xf>
    <xf numFmtId="0" fontId="2" fillId="0" borderId="13" xfId="0" applyFont="1" applyFill="1" applyBorder="1" applyAlignment="1">
      <alignment vertical="center"/>
    </xf>
    <xf numFmtId="0" fontId="20" fillId="0" borderId="13" xfId="0" applyFont="1" applyBorder="1" applyAlignment="1">
      <alignment horizontal="center" wrapText="1"/>
    </xf>
    <xf numFmtId="0" fontId="19" fillId="0" borderId="13" xfId="0" applyFont="1" applyBorder="1" applyAlignment="1">
      <alignment vertical="center" wrapText="1"/>
    </xf>
    <xf numFmtId="2" fontId="2" fillId="0" borderId="13" xfId="0" applyNumberFormat="1" applyFont="1" applyBorder="1" applyAlignment="1">
      <alignment horizontal="center" vertical="center"/>
    </xf>
    <xf numFmtId="0" fontId="19" fillId="0" borderId="13" xfId="0" applyFont="1" applyBorder="1" applyAlignment="1">
      <alignment wrapText="1"/>
    </xf>
    <xf numFmtId="0" fontId="20" fillId="0" borderId="13" xfId="0" applyFont="1" applyBorder="1" applyAlignment="1"/>
    <xf numFmtId="0" fontId="19" fillId="0" borderId="13" xfId="0" applyFont="1" applyFill="1" applyBorder="1" applyAlignment="1">
      <alignment wrapText="1"/>
    </xf>
    <xf numFmtId="0" fontId="19" fillId="0" borderId="13" xfId="0" applyFont="1" applyFill="1" applyBorder="1" applyAlignment="1">
      <alignment horizontal="center" vertical="center" wrapText="1"/>
    </xf>
    <xf numFmtId="0" fontId="20" fillId="0" borderId="13" xfId="0" applyFont="1" applyBorder="1" applyAlignment="1">
      <alignment horizontal="left"/>
    </xf>
    <xf numFmtId="0" fontId="18" fillId="0" borderId="13" xfId="0" applyFont="1" applyBorder="1" applyAlignment="1">
      <alignment vertical="center" wrapText="1"/>
    </xf>
    <xf numFmtId="0" fontId="2" fillId="0" borderId="13" xfId="0" applyFont="1" applyBorder="1" applyAlignment="1">
      <alignment vertical="center" wrapText="1"/>
    </xf>
    <xf numFmtId="0" fontId="20" fillId="0" borderId="13" xfId="0" applyFont="1" applyBorder="1" applyAlignment="1">
      <alignment vertical="center" wrapText="1"/>
    </xf>
    <xf numFmtId="8" fontId="19" fillId="0" borderId="13" xfId="0" applyNumberFormat="1" applyFont="1" applyBorder="1" applyAlignment="1">
      <alignment horizontal="center" vertical="center" wrapText="1"/>
    </xf>
    <xf numFmtId="0" fontId="19" fillId="3" borderId="13" xfId="0" applyFont="1" applyFill="1" applyBorder="1" applyAlignment="1">
      <alignment horizontal="center" vertical="center" wrapText="1"/>
    </xf>
    <xf numFmtId="0" fontId="2" fillId="0" borderId="13" xfId="0" applyFont="1" applyBorder="1" applyAlignment="1">
      <alignment horizontal="center" wrapText="1"/>
    </xf>
    <xf numFmtId="0" fontId="2" fillId="0" borderId="13" xfId="0" applyFont="1" applyBorder="1" applyAlignment="1">
      <alignment vertical="center"/>
    </xf>
    <xf numFmtId="0" fontId="2" fillId="0" borderId="13" xfId="0" applyFont="1" applyBorder="1" applyAlignment="1">
      <alignment horizontal="left" vertical="center" wrapText="1"/>
    </xf>
    <xf numFmtId="0" fontId="2" fillId="0" borderId="13" xfId="0" applyFont="1" applyBorder="1" applyAlignment="1">
      <alignment horizontal="center" vertical="center" wrapText="1"/>
    </xf>
    <xf numFmtId="0" fontId="18" fillId="0" borderId="13" xfId="0" applyFont="1" applyBorder="1" applyAlignment="1">
      <alignment vertical="top" wrapText="1"/>
    </xf>
    <xf numFmtId="0" fontId="2" fillId="4" borderId="13" xfId="0" applyFont="1" applyFill="1" applyBorder="1" applyAlignment="1">
      <alignment vertical="top" wrapText="1"/>
    </xf>
    <xf numFmtId="0" fontId="2" fillId="4" borderId="13" xfId="0" applyFont="1" applyFill="1" applyBorder="1" applyAlignment="1">
      <alignment vertical="center" wrapText="1"/>
    </xf>
    <xf numFmtId="0" fontId="13" fillId="0" borderId="13" xfId="0" applyFont="1" applyBorder="1" applyAlignment="1">
      <alignment horizontal="center" vertical="center" wrapText="1"/>
    </xf>
    <xf numFmtId="0" fontId="13" fillId="0" borderId="13" xfId="0" applyFont="1" applyBorder="1" applyAlignment="1">
      <alignment vertical="center" wrapText="1"/>
    </xf>
    <xf numFmtId="0" fontId="16" fillId="0" borderId="13" xfId="0" applyFont="1" applyBorder="1" applyAlignment="1">
      <alignment vertical="center" wrapText="1"/>
    </xf>
    <xf numFmtId="0" fontId="2" fillId="0" borderId="13" xfId="0" applyFont="1" applyBorder="1" applyAlignment="1">
      <alignment vertical="center" wrapText="1"/>
    </xf>
    <xf numFmtId="0" fontId="18" fillId="0" borderId="13" xfId="0" applyFont="1" applyBorder="1" applyAlignment="1">
      <alignment vertical="center" wrapText="1"/>
    </xf>
    <xf numFmtId="0" fontId="18" fillId="0" borderId="13" xfId="0" applyFont="1" applyBorder="1" applyAlignment="1">
      <alignment vertical="center"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13" fillId="0" borderId="16" xfId="0" applyFont="1" applyBorder="1" applyAlignment="1">
      <alignment vertical="center" wrapText="1"/>
    </xf>
    <xf numFmtId="0" fontId="13" fillId="0" borderId="17" xfId="0" applyFont="1" applyBorder="1" applyAlignment="1">
      <alignment vertical="center" wrapText="1"/>
    </xf>
    <xf numFmtId="0" fontId="0" fillId="0" borderId="18" xfId="0" applyFont="1" applyBorder="1" applyAlignment="1">
      <alignment vertical="top" wrapText="1"/>
    </xf>
    <xf numFmtId="0" fontId="16" fillId="0" borderId="19" xfId="0" applyFont="1" applyBorder="1" applyAlignment="1">
      <alignment vertical="top" wrapText="1"/>
    </xf>
    <xf numFmtId="0" fontId="16" fillId="0" borderId="19" xfId="0" applyFont="1" applyBorder="1" applyAlignment="1">
      <alignment vertical="center" wrapText="1"/>
    </xf>
    <xf numFmtId="0" fontId="0" fillId="0" borderId="13" xfId="0" applyFont="1" applyBorder="1" applyAlignment="1">
      <alignment vertical="center" wrapText="1"/>
    </xf>
    <xf numFmtId="0" fontId="18" fillId="0" borderId="16" xfId="0" applyFont="1" applyBorder="1" applyAlignment="1">
      <alignment vertical="center" wrapText="1"/>
    </xf>
    <xf numFmtId="0" fontId="2" fillId="0" borderId="16" xfId="0" applyFont="1" applyBorder="1" applyAlignment="1">
      <alignment vertical="center" wrapText="1"/>
    </xf>
    <xf numFmtId="0" fontId="12" fillId="0" borderId="16" xfId="0" applyFont="1" applyBorder="1" applyAlignment="1">
      <alignment vertical="center" wrapText="1"/>
    </xf>
    <xf numFmtId="0" fontId="22" fillId="0" borderId="13" xfId="0" applyFont="1" applyBorder="1" applyAlignment="1">
      <alignment vertical="center" wrapText="1"/>
    </xf>
    <xf numFmtId="0" fontId="17" fillId="0" borderId="8" xfId="0" applyFont="1" applyBorder="1" applyAlignment="1">
      <alignment horizontal="left" vertical="center" wrapText="1" indent="2"/>
    </xf>
    <xf numFmtId="0" fontId="17" fillId="0" borderId="12" xfId="0" applyFont="1" applyBorder="1" applyAlignment="1">
      <alignment horizontal="left" vertical="center" wrapText="1" indent="2"/>
    </xf>
    <xf numFmtId="0" fontId="13" fillId="0" borderId="9" xfId="0" applyFont="1" applyBorder="1" applyAlignment="1">
      <alignment horizontal="left" vertical="center" wrapText="1" indent="2"/>
    </xf>
    <xf numFmtId="0" fontId="22" fillId="0" borderId="16" xfId="0" applyFont="1" applyBorder="1" applyAlignment="1">
      <alignment vertical="center" wrapText="1"/>
    </xf>
    <xf numFmtId="0" fontId="2" fillId="0" borderId="1" xfId="0" applyFont="1" applyBorder="1" applyAlignment="1">
      <alignment horizontal="center" vertical="center" wrapText="1"/>
    </xf>
    <xf numFmtId="0" fontId="2" fillId="0" borderId="7"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8" xfId="0" applyFont="1" applyBorder="1" applyAlignment="1">
      <alignment vertical="center" wrapText="1"/>
    </xf>
    <xf numFmtId="0" fontId="2" fillId="0" borderId="12" xfId="0" applyFont="1" applyBorder="1" applyAlignment="1">
      <alignment vertical="center" wrapText="1"/>
    </xf>
    <xf numFmtId="0" fontId="2" fillId="0" borderId="9" xfId="0" applyFont="1" applyBorder="1" applyAlignment="1">
      <alignment vertical="center" wrapText="1"/>
    </xf>
    <xf numFmtId="0" fontId="18" fillId="0" borderId="7" xfId="0" applyFont="1" applyBorder="1" applyAlignment="1">
      <alignment vertical="center" wrapText="1"/>
    </xf>
    <xf numFmtId="0" fontId="13" fillId="0" borderId="12" xfId="0" applyFont="1" applyBorder="1" applyAlignment="1">
      <alignment vertical="top" wrapText="1"/>
    </xf>
    <xf numFmtId="0" fontId="13" fillId="0" borderId="9" xfId="0" applyFont="1" applyBorder="1" applyAlignment="1">
      <alignment vertical="top" wrapText="1"/>
    </xf>
    <xf numFmtId="0" fontId="2" fillId="0" borderId="3" xfId="0" applyFont="1" applyBorder="1" applyAlignment="1">
      <alignment vertical="center" wrapText="1"/>
    </xf>
    <xf numFmtId="0" fontId="12" fillId="0" borderId="3" xfId="0" applyFont="1" applyBorder="1" applyAlignment="1">
      <alignment vertical="center" wrapText="1"/>
    </xf>
    <xf numFmtId="0" fontId="12" fillId="0" borderId="9" xfId="0" applyFont="1" applyBorder="1" applyAlignment="1">
      <alignment vertical="center" wrapText="1"/>
    </xf>
    <xf numFmtId="0" fontId="18" fillId="0" borderId="1" xfId="0" applyFont="1" applyBorder="1" applyAlignment="1">
      <alignment vertical="center" wrapText="1"/>
    </xf>
    <xf numFmtId="0" fontId="2" fillId="0" borderId="3" xfId="0" applyFont="1" applyBorder="1" applyAlignment="1">
      <alignment horizontal="center" vertical="center" wrapText="1"/>
    </xf>
    <xf numFmtId="0" fontId="2" fillId="0" borderId="9" xfId="0" applyFont="1" applyBorder="1" applyAlignment="1">
      <alignment horizontal="center" vertical="center" wrapText="1"/>
    </xf>
    <xf numFmtId="10" fontId="2" fillId="0" borderId="3" xfId="0" applyNumberFormat="1" applyFont="1" applyBorder="1" applyAlignment="1">
      <alignment horizontal="center" vertical="center" wrapText="1"/>
    </xf>
    <xf numFmtId="10" fontId="2" fillId="0" borderId="9" xfId="0" applyNumberFormat="1" applyFont="1" applyBorder="1" applyAlignment="1">
      <alignment horizontal="center" vertical="center" wrapText="1"/>
    </xf>
    <xf numFmtId="0" fontId="2" fillId="0" borderId="13" xfId="0" applyFont="1" applyBorder="1" applyAlignment="1">
      <alignment horizontal="center" vertical="top" wrapText="1"/>
    </xf>
    <xf numFmtId="8" fontId="2" fillId="0" borderId="13" xfId="0" applyNumberFormat="1" applyFont="1" applyBorder="1" applyAlignment="1">
      <alignment horizontal="center" vertical="center"/>
    </xf>
    <xf numFmtId="44" fontId="2" fillId="0" borderId="13" xfId="1" applyFont="1" applyBorder="1" applyAlignment="1">
      <alignment horizontal="center" vertical="center"/>
    </xf>
    <xf numFmtId="0" fontId="2" fillId="0" borderId="7" xfId="0" applyFont="1" applyBorder="1" applyAlignment="1">
      <alignment vertical="center" wrapText="1"/>
    </xf>
    <xf numFmtId="0" fontId="18" fillId="0" borderId="3" xfId="0" applyFont="1" applyBorder="1" applyAlignment="1">
      <alignment vertical="center" wrapText="1"/>
    </xf>
    <xf numFmtId="8" fontId="2" fillId="0" borderId="3" xfId="0" applyNumberFormat="1" applyFont="1" applyBorder="1" applyAlignment="1">
      <alignment horizontal="center" vertical="center" wrapText="1"/>
    </xf>
    <xf numFmtId="15" fontId="2" fillId="0" borderId="3" xfId="0" applyNumberFormat="1" applyFont="1" applyBorder="1" applyAlignment="1">
      <alignment horizontal="center" vertical="center" wrapText="1"/>
    </xf>
    <xf numFmtId="0" fontId="2" fillId="0" borderId="1" xfId="0" applyFont="1" applyBorder="1" applyAlignment="1">
      <alignment vertical="center" wrapText="1"/>
    </xf>
    <xf numFmtId="0" fontId="2" fillId="0" borderId="3" xfId="0" applyFont="1" applyBorder="1" applyAlignment="1">
      <alignment horizontal="center" wrapText="1"/>
    </xf>
    <xf numFmtId="0" fontId="2" fillId="0" borderId="9" xfId="0" applyFont="1" applyBorder="1" applyAlignment="1">
      <alignment horizontal="center" wrapText="1"/>
    </xf>
    <xf numFmtId="0" fontId="18" fillId="0" borderId="3" xfId="0" applyFont="1" applyBorder="1" applyAlignment="1">
      <alignment horizontal="justify" vertical="center" wrapText="1"/>
    </xf>
    <xf numFmtId="0" fontId="18" fillId="0" borderId="7" xfId="0" applyFont="1" applyBorder="1" applyAlignment="1">
      <alignment horizontal="center" vertical="center" wrapText="1"/>
    </xf>
    <xf numFmtId="0" fontId="18" fillId="0" borderId="1" xfId="0" applyFont="1" applyBorder="1" applyAlignment="1">
      <alignment horizontal="center" vertical="center" wrapText="1"/>
    </xf>
    <xf numFmtId="0" fontId="2" fillId="0" borderId="3" xfId="0" applyFont="1" applyBorder="1" applyAlignment="1">
      <alignment horizontal="left" vertical="center" wrapText="1"/>
    </xf>
    <xf numFmtId="0" fontId="2" fillId="0" borderId="9" xfId="0" applyFont="1" applyBorder="1" applyAlignment="1">
      <alignment horizontal="left" vertical="center" wrapText="1"/>
    </xf>
    <xf numFmtId="0" fontId="18" fillId="0" borderId="6" xfId="0" applyFont="1" applyBorder="1" applyAlignment="1">
      <alignment horizontal="center" vertical="center" wrapText="1"/>
    </xf>
    <xf numFmtId="0" fontId="18" fillId="0" borderId="9" xfId="0" applyFont="1" applyBorder="1" applyAlignment="1">
      <alignment vertical="center" wrapText="1"/>
    </xf>
    <xf numFmtId="0" fontId="18" fillId="0" borderId="7" xfId="0" applyFont="1" applyBorder="1" applyAlignment="1">
      <alignment vertical="center" wrapText="1"/>
    </xf>
    <xf numFmtId="0" fontId="16" fillId="0" borderId="13" xfId="0" applyFont="1" applyBorder="1" applyAlignment="1">
      <alignment vertical="center" wrapText="1"/>
    </xf>
    <xf numFmtId="0" fontId="2" fillId="0" borderId="13" xfId="0" applyFont="1" applyBorder="1" applyAlignment="1">
      <alignment horizontal="center" vertical="center" wrapText="1"/>
    </xf>
    <xf numFmtId="0" fontId="2" fillId="0" borderId="12" xfId="0" applyFont="1" applyBorder="1" applyAlignment="1">
      <alignment horizontal="center" vertical="center" wrapText="1"/>
    </xf>
    <xf numFmtId="15" fontId="2" fillId="0" borderId="12" xfId="0" applyNumberFormat="1" applyFont="1" applyBorder="1" applyAlignment="1">
      <alignment horizontal="center" vertical="center" wrapText="1"/>
    </xf>
    <xf numFmtId="0" fontId="2" fillId="0" borderId="12" xfId="0" applyFont="1" applyBorder="1" applyAlignment="1">
      <alignment horizontal="left" vertical="center"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21" fillId="0" borderId="5" xfId="0" applyFont="1" applyBorder="1" applyAlignment="1">
      <alignment vertical="center" wrapText="1"/>
    </xf>
    <xf numFmtId="0" fontId="21" fillId="0" borderId="6" xfId="0" applyFont="1" applyBorder="1" applyAlignment="1">
      <alignment vertical="center" wrapText="1"/>
    </xf>
    <xf numFmtId="0" fontId="13" fillId="0" borderId="33" xfId="0" applyFont="1" applyBorder="1" applyAlignment="1">
      <alignment vertical="top" wrapText="1"/>
    </xf>
    <xf numFmtId="0" fontId="21" fillId="0" borderId="32" xfId="0" applyFont="1" applyBorder="1" applyAlignment="1">
      <alignment vertical="center" wrapText="1"/>
    </xf>
    <xf numFmtId="0" fontId="21" fillId="0" borderId="33" xfId="0" applyFont="1" applyBorder="1" applyAlignment="1">
      <alignment vertical="center" wrapText="1"/>
    </xf>
    <xf numFmtId="0" fontId="21" fillId="0" borderId="6" xfId="0" applyFont="1" applyBorder="1" applyAlignment="1">
      <alignment horizontal="justify" vertical="center" wrapText="1"/>
    </xf>
    <xf numFmtId="0" fontId="21" fillId="0" borderId="7" xfId="0" applyFont="1" applyBorder="1" applyAlignment="1">
      <alignment vertical="center" wrapText="1"/>
    </xf>
    <xf numFmtId="0" fontId="21" fillId="0" borderId="21" xfId="0" applyFont="1" applyBorder="1" applyAlignment="1">
      <alignment horizontal="center" vertical="center" wrapText="1"/>
    </xf>
    <xf numFmtId="0" fontId="21" fillId="0" borderId="34" xfId="0" applyFont="1" applyBorder="1" applyAlignment="1">
      <alignment horizontal="center" vertical="center" wrapText="1"/>
    </xf>
    <xf numFmtId="0" fontId="21" fillId="0" borderId="13" xfId="0" applyFont="1" applyBorder="1" applyAlignment="1">
      <alignment horizontal="center" vertical="center" wrapText="1"/>
    </xf>
    <xf numFmtId="0" fontId="21" fillId="0" borderId="35" xfId="0" applyFont="1" applyBorder="1" applyAlignment="1">
      <alignment horizontal="center" vertical="center" wrapText="1"/>
    </xf>
    <xf numFmtId="0" fontId="21" fillId="0" borderId="21" xfId="0" applyFont="1" applyBorder="1" applyAlignment="1">
      <alignment horizontal="left" vertical="center" wrapText="1"/>
    </xf>
    <xf numFmtId="0" fontId="21" fillId="0" borderId="13" xfId="0" applyFont="1" applyBorder="1" applyAlignment="1">
      <alignment horizontal="left" vertical="center" wrapText="1"/>
    </xf>
    <xf numFmtId="0" fontId="21" fillId="0" borderId="16" xfId="0" applyFont="1" applyBorder="1" applyAlignment="1">
      <alignment horizontal="left" vertical="center" wrapText="1"/>
    </xf>
    <xf numFmtId="0" fontId="21" fillId="0" borderId="16" xfId="0" applyFont="1" applyBorder="1" applyAlignment="1">
      <alignment horizontal="center" vertical="center" wrapText="1"/>
    </xf>
    <xf numFmtId="0" fontId="2" fillId="0" borderId="16" xfId="0" applyFont="1" applyBorder="1" applyAlignment="1">
      <alignment horizontal="center" vertical="center" wrapText="1"/>
    </xf>
    <xf numFmtId="0" fontId="21" fillId="0" borderId="40" xfId="0" applyFont="1" applyBorder="1" applyAlignment="1">
      <alignment horizontal="center" vertical="center" wrapText="1"/>
    </xf>
    <xf numFmtId="0" fontId="2" fillId="0" borderId="21" xfId="0" applyFont="1" applyBorder="1" applyAlignment="1">
      <alignment vertical="center" wrapText="1"/>
    </xf>
    <xf numFmtId="0" fontId="2" fillId="0" borderId="21" xfId="0" applyFont="1" applyBorder="1" applyAlignment="1">
      <alignment horizontal="center" vertical="center" wrapText="1"/>
    </xf>
    <xf numFmtId="0" fontId="2" fillId="0" borderId="34" xfId="0" applyFont="1" applyBorder="1" applyAlignment="1">
      <alignment vertical="center" wrapText="1"/>
    </xf>
    <xf numFmtId="0" fontId="2" fillId="0" borderId="35" xfId="0" applyFont="1" applyBorder="1" applyAlignment="1">
      <alignment vertical="center" wrapText="1"/>
    </xf>
    <xf numFmtId="0" fontId="2" fillId="0" borderId="7" xfId="0" applyFont="1" applyBorder="1" applyAlignment="1">
      <alignment vertical="center" wrapText="1"/>
    </xf>
    <xf numFmtId="0" fontId="2" fillId="0" borderId="13" xfId="0" applyFont="1" applyBorder="1" applyAlignment="1">
      <alignment vertical="center" wrapText="1"/>
    </xf>
    <xf numFmtId="0" fontId="2" fillId="0" borderId="13" xfId="0" applyFont="1" applyBorder="1" applyAlignment="1">
      <alignment horizontal="center" vertical="center" wrapText="1"/>
    </xf>
    <xf numFmtId="0" fontId="2" fillId="0" borderId="22" xfId="0" applyFont="1" applyBorder="1" applyAlignment="1">
      <alignment vertical="center" wrapText="1"/>
    </xf>
    <xf numFmtId="0" fontId="21" fillId="0" borderId="8" xfId="0" applyFont="1" applyBorder="1" applyAlignment="1">
      <alignment vertical="center" wrapText="1"/>
    </xf>
    <xf numFmtId="0" fontId="2" fillId="0" borderId="13" xfId="0" applyFont="1" applyBorder="1" applyAlignment="1">
      <alignment horizontal="center"/>
    </xf>
    <xf numFmtId="0" fontId="2" fillId="0" borderId="34" xfId="0" applyFont="1" applyBorder="1" applyAlignment="1">
      <alignment horizontal="center" vertical="center" wrapText="1"/>
    </xf>
    <xf numFmtId="0" fontId="2" fillId="0" borderId="35"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36" xfId="0" applyFont="1" applyBorder="1" applyAlignment="1">
      <alignment horizontal="center" vertical="center" wrapText="1"/>
    </xf>
    <xf numFmtId="0" fontId="18" fillId="0" borderId="7" xfId="0" applyFont="1" applyBorder="1" applyAlignment="1">
      <alignment vertical="center" wrapText="1"/>
    </xf>
    <xf numFmtId="0" fontId="2" fillId="0" borderId="9" xfId="0" applyFont="1" applyBorder="1" applyAlignment="1">
      <alignment horizontal="center" vertical="center" wrapText="1"/>
    </xf>
    <xf numFmtId="0" fontId="12" fillId="0" borderId="8" xfId="0" applyFont="1" applyBorder="1" applyAlignment="1">
      <alignment vertical="center" wrapText="1"/>
    </xf>
    <xf numFmtId="0" fontId="12" fillId="0" borderId="12" xfId="0" applyFont="1" applyBorder="1" applyAlignment="1">
      <alignment vertical="center" wrapText="1"/>
    </xf>
    <xf numFmtId="0" fontId="18" fillId="0" borderId="7" xfId="0" applyFont="1" applyBorder="1" applyAlignment="1">
      <alignment vertical="center" wrapText="1"/>
    </xf>
    <xf numFmtId="0" fontId="2" fillId="0" borderId="7" xfId="0" applyFont="1" applyBorder="1" applyAlignment="1">
      <alignment vertical="center" wrapText="1"/>
    </xf>
    <xf numFmtId="0" fontId="25" fillId="0" borderId="3" xfId="0" applyFont="1" applyBorder="1" applyAlignment="1">
      <alignment vertical="center" wrapText="1"/>
    </xf>
    <xf numFmtId="0" fontId="18" fillId="0" borderId="41" xfId="0" applyFont="1" applyBorder="1" applyAlignment="1">
      <alignment vertical="center" wrapText="1"/>
    </xf>
    <xf numFmtId="0" fontId="18" fillId="0" borderId="42" xfId="0" applyFont="1" applyBorder="1" applyAlignment="1">
      <alignment vertical="center" wrapText="1"/>
    </xf>
    <xf numFmtId="0" fontId="18" fillId="0" borderId="43" xfId="0" applyFont="1" applyBorder="1" applyAlignment="1">
      <alignment vertical="center" wrapText="1"/>
    </xf>
    <xf numFmtId="0" fontId="2" fillId="0" borderId="1" xfId="0" applyFont="1" applyBorder="1" applyAlignment="1">
      <alignment horizontal="left" wrapText="1"/>
    </xf>
    <xf numFmtId="0" fontId="18" fillId="0" borderId="1" xfId="0" applyFont="1" applyBorder="1" applyAlignment="1">
      <alignment horizontal="left"/>
    </xf>
    <xf numFmtId="0" fontId="24" fillId="0" borderId="1" xfId="0" applyFont="1" applyBorder="1" applyAlignment="1">
      <alignment horizontal="left" vertical="center"/>
    </xf>
    <xf numFmtId="0" fontId="24" fillId="0" borderId="1" xfId="0" applyFont="1" applyBorder="1" applyAlignment="1">
      <alignment horizontal="left" vertical="center" wrapText="1"/>
    </xf>
    <xf numFmtId="0" fontId="12" fillId="0" borderId="1" xfId="0" applyFont="1" applyBorder="1" applyAlignment="1">
      <alignment horizontal="left" vertical="center" wrapText="1"/>
    </xf>
    <xf numFmtId="0" fontId="2" fillId="0" borderId="1" xfId="0" applyFont="1" applyBorder="1" applyAlignment="1">
      <alignment horizontal="left"/>
    </xf>
    <xf numFmtId="0" fontId="18" fillId="0" borderId="7" xfId="0" applyFont="1" applyBorder="1" applyAlignment="1">
      <alignment vertical="center" wrapText="1"/>
    </xf>
    <xf numFmtId="0" fontId="2" fillId="0" borderId="9" xfId="0" applyFont="1" applyBorder="1" applyAlignment="1">
      <alignment horizontal="center" vertical="center" wrapText="1"/>
    </xf>
    <xf numFmtId="0" fontId="26" fillId="0" borderId="8" xfId="0" applyFont="1" applyBorder="1" applyAlignment="1">
      <alignment vertical="center" wrapText="1"/>
    </xf>
    <xf numFmtId="0" fontId="26" fillId="0" borderId="12" xfId="0" applyFont="1" applyBorder="1" applyAlignment="1">
      <alignment vertical="center" wrapText="1"/>
    </xf>
    <xf numFmtId="0" fontId="26" fillId="0" borderId="9" xfId="0" applyFont="1" applyBorder="1" applyAlignment="1">
      <alignment vertical="center" wrapText="1"/>
    </xf>
    <xf numFmtId="0" fontId="2" fillId="4" borderId="3" xfId="0" applyFont="1" applyFill="1" applyBorder="1" applyAlignment="1">
      <alignment vertical="center" wrapText="1"/>
    </xf>
    <xf numFmtId="0" fontId="25" fillId="0" borderId="3" xfId="0" applyFont="1" applyBorder="1" applyAlignment="1">
      <alignment horizontal="center" vertical="center" wrapText="1"/>
    </xf>
    <xf numFmtId="0" fontId="2" fillId="4" borderId="9" xfId="0" applyFont="1" applyFill="1" applyBorder="1" applyAlignment="1">
      <alignment vertical="center" wrapText="1"/>
    </xf>
    <xf numFmtId="0" fontId="25" fillId="0" borderId="9" xfId="0" applyFont="1" applyBorder="1" applyAlignment="1">
      <alignment horizontal="center" vertical="center" wrapText="1"/>
    </xf>
    <xf numFmtId="0" fontId="18" fillId="0" borderId="6" xfId="0" applyFont="1" applyBorder="1" applyAlignment="1">
      <alignment vertical="center" wrapText="1"/>
    </xf>
    <xf numFmtId="0" fontId="2" fillId="0" borderId="12" xfId="0" applyFont="1" applyBorder="1" applyAlignment="1">
      <alignment horizontal="center" vertical="center" wrapText="1"/>
    </xf>
    <xf numFmtId="0" fontId="28" fillId="0" borderId="1" xfId="0" applyFont="1" applyBorder="1" applyAlignment="1">
      <alignment horizontal="left" vertical="center" wrapText="1"/>
    </xf>
    <xf numFmtId="0" fontId="27" fillId="0" borderId="3" xfId="0" applyFont="1" applyBorder="1" applyAlignment="1">
      <alignment horizontal="center" vertical="center"/>
    </xf>
    <xf numFmtId="0" fontId="27" fillId="0" borderId="1" xfId="0" applyFont="1" applyBorder="1" applyAlignment="1">
      <alignment horizontal="center" vertical="center"/>
    </xf>
    <xf numFmtId="0" fontId="27" fillId="0" borderId="2" xfId="0" applyFont="1" applyBorder="1" applyAlignment="1">
      <alignment horizontal="center" vertical="center"/>
    </xf>
    <xf numFmtId="0" fontId="27" fillId="0" borderId="2" xfId="0" applyFont="1" applyBorder="1" applyAlignment="1">
      <alignment horizontal="center" vertical="center" wrapText="1"/>
    </xf>
    <xf numFmtId="15" fontId="27" fillId="0" borderId="1" xfId="0" applyNumberFormat="1" applyFont="1" applyBorder="1" applyAlignment="1">
      <alignment horizontal="center" vertical="center"/>
    </xf>
    <xf numFmtId="0" fontId="28" fillId="0" borderId="4" xfId="0" applyFont="1" applyBorder="1" applyAlignment="1">
      <alignment wrapText="1"/>
    </xf>
    <xf numFmtId="0" fontId="28" fillId="0" borderId="1" xfId="0" applyFont="1" applyBorder="1" applyAlignment="1">
      <alignment horizontal="left" vertical="center"/>
    </xf>
    <xf numFmtId="0" fontId="19" fillId="0" borderId="23" xfId="0" applyFont="1" applyBorder="1" applyAlignment="1">
      <alignment horizontal="left" vertical="center" wrapText="1"/>
    </xf>
    <xf numFmtId="0" fontId="19" fillId="0" borderId="24" xfId="0" applyFont="1" applyBorder="1" applyAlignment="1">
      <alignment horizontal="left"/>
    </xf>
    <xf numFmtId="0" fontId="19" fillId="0" borderId="24" xfId="0" applyFont="1" applyBorder="1" applyAlignment="1">
      <alignment horizontal="left" vertical="center" wrapText="1"/>
    </xf>
    <xf numFmtId="0" fontId="19" fillId="0" borderId="24" xfId="0" applyFont="1" applyBorder="1" applyAlignment="1">
      <alignment horizontal="left" wrapText="1"/>
    </xf>
    <xf numFmtId="0" fontId="19" fillId="0" borderId="25" xfId="0" applyFont="1" applyBorder="1" applyAlignment="1">
      <alignment horizontal="left" wrapText="1"/>
    </xf>
    <xf numFmtId="0" fontId="19" fillId="0" borderId="23" xfId="0" applyFont="1" applyBorder="1" applyAlignment="1">
      <alignment horizontal="center" vertical="center"/>
    </xf>
    <xf numFmtId="0" fontId="19" fillId="0" borderId="24" xfId="0" applyFont="1" applyBorder="1" applyAlignment="1">
      <alignment horizontal="center" vertical="center"/>
    </xf>
    <xf numFmtId="0" fontId="19" fillId="0" borderId="24" xfId="0" applyFont="1" applyBorder="1" applyAlignment="1">
      <alignment horizontal="center" vertical="center" wrapText="1"/>
    </xf>
    <xf numFmtId="0" fontId="19" fillId="0" borderId="25" xfId="0" applyFont="1" applyBorder="1" applyAlignment="1">
      <alignment horizontal="center" vertical="center" wrapText="1"/>
    </xf>
    <xf numFmtId="0" fontId="19" fillId="0" borderId="29" xfId="0" applyFont="1" applyBorder="1" applyAlignment="1">
      <alignment horizontal="center" vertical="center"/>
    </xf>
    <xf numFmtId="0" fontId="19" fillId="0" borderId="30" xfId="0" applyFont="1" applyBorder="1" applyAlignment="1">
      <alignment horizontal="center" vertical="center"/>
    </xf>
    <xf numFmtId="0" fontId="19" fillId="0" borderId="30" xfId="0" applyFont="1" applyBorder="1" applyAlignment="1">
      <alignment horizontal="center" vertical="center" wrapText="1"/>
    </xf>
    <xf numFmtId="0" fontId="19" fillId="0" borderId="31" xfId="0" applyFont="1" applyBorder="1" applyAlignment="1">
      <alignment horizontal="center" vertical="center" wrapText="1"/>
    </xf>
    <xf numFmtId="0" fontId="19" fillId="0" borderId="25" xfId="0" applyFont="1" applyBorder="1" applyAlignment="1">
      <alignment horizontal="center" vertical="center"/>
    </xf>
    <xf numFmtId="0" fontId="2" fillId="0" borderId="5" xfId="0" applyFont="1" applyBorder="1" applyAlignment="1">
      <alignment vertical="center" wrapText="1"/>
    </xf>
    <xf numFmtId="0" fontId="2" fillId="0" borderId="6" xfId="0" applyFont="1" applyBorder="1" applyAlignment="1">
      <alignment vertical="center" wrapText="1"/>
    </xf>
    <xf numFmtId="0" fontId="2" fillId="0" borderId="6" xfId="0" applyFont="1" applyBorder="1"/>
    <xf numFmtId="0" fontId="2" fillId="0" borderId="7" xfId="0" applyFont="1" applyBorder="1"/>
    <xf numFmtId="0" fontId="18" fillId="0" borderId="7" xfId="0" applyFont="1" applyBorder="1" applyAlignment="1">
      <alignment vertical="center" wrapText="1"/>
    </xf>
    <xf numFmtId="0" fontId="2" fillId="0" borderId="0" xfId="0" applyFont="1"/>
    <xf numFmtId="0" fontId="2" fillId="0" borderId="9" xfId="0" applyFont="1" applyBorder="1" applyAlignment="1">
      <alignment horizontal="center" vertical="center" wrapText="1"/>
    </xf>
    <xf numFmtId="0" fontId="21" fillId="0" borderId="12" xfId="0" applyFont="1" applyBorder="1" applyAlignment="1">
      <alignment vertical="center" wrapText="1"/>
    </xf>
    <xf numFmtId="0" fontId="13" fillId="4" borderId="9" xfId="0" applyFont="1" applyFill="1" applyBorder="1" applyAlignment="1">
      <alignment vertical="center" wrapText="1"/>
    </xf>
    <xf numFmtId="0" fontId="13" fillId="0" borderId="9" xfId="0" applyFont="1" applyBorder="1" applyAlignment="1">
      <alignment horizontal="center" vertical="center" wrapText="1"/>
    </xf>
    <xf numFmtId="0" fontId="19" fillId="0" borderId="8" xfId="0" applyFont="1" applyBorder="1" applyAlignment="1">
      <alignment vertical="center" wrapText="1"/>
    </xf>
    <xf numFmtId="0" fontId="19" fillId="0" borderId="12" xfId="0" applyFont="1" applyBorder="1" applyAlignment="1">
      <alignment vertical="center" wrapText="1"/>
    </xf>
    <xf numFmtId="0" fontId="13" fillId="0" borderId="5" xfId="0" applyFont="1" applyBorder="1" applyAlignment="1">
      <alignment vertical="center" wrapText="1"/>
    </xf>
    <xf numFmtId="0" fontId="13" fillId="0" borderId="6" xfId="0" applyFont="1" applyBorder="1" applyAlignment="1">
      <alignment vertical="center" wrapText="1"/>
    </xf>
    <xf numFmtId="0" fontId="17" fillId="0" borderId="6" xfId="0" applyFont="1" applyBorder="1" applyAlignment="1">
      <alignment vertical="center" wrapText="1"/>
    </xf>
    <xf numFmtId="0" fontId="13" fillId="0" borderId="7" xfId="0" applyFont="1" applyBorder="1" applyAlignment="1">
      <alignment vertical="center" wrapText="1"/>
    </xf>
    <xf numFmtId="0" fontId="2" fillId="0" borderId="5" xfId="0" applyFont="1" applyBorder="1" applyAlignment="1">
      <alignment horizontal="left"/>
    </xf>
    <xf numFmtId="0" fontId="2" fillId="0" borderId="6" xfId="0" applyFont="1" applyBorder="1" applyAlignment="1">
      <alignment horizontal="left"/>
    </xf>
    <xf numFmtId="0" fontId="2" fillId="0" borderId="7" xfId="0" applyFont="1" applyBorder="1" applyAlignment="1">
      <alignment horizontal="left"/>
    </xf>
    <xf numFmtId="0" fontId="18" fillId="0" borderId="5" xfId="0" applyFont="1" applyBorder="1" applyAlignment="1">
      <alignment horizontal="left" vertical="center"/>
    </xf>
    <xf numFmtId="0" fontId="18" fillId="0" borderId="6" xfId="0" applyFont="1" applyBorder="1" applyAlignment="1">
      <alignment horizontal="left" vertical="center"/>
    </xf>
    <xf numFmtId="0" fontId="18" fillId="0" borderId="7" xfId="0" applyFont="1" applyBorder="1" applyAlignment="1">
      <alignment horizontal="left" vertical="center"/>
    </xf>
    <xf numFmtId="0" fontId="18" fillId="0" borderId="5" xfId="0" applyFont="1" applyBorder="1" applyAlignment="1">
      <alignment vertical="center" wrapText="1"/>
    </xf>
    <xf numFmtId="0" fontId="18" fillId="0" borderId="6" xfId="0" applyFont="1" applyBorder="1" applyAlignment="1">
      <alignment vertical="center" wrapText="1"/>
    </xf>
    <xf numFmtId="0" fontId="18" fillId="0" borderId="7" xfId="0" applyFont="1" applyBorder="1" applyAlignment="1">
      <alignment vertical="center" wrapText="1"/>
    </xf>
    <xf numFmtId="0" fontId="2" fillId="0" borderId="9" xfId="0" applyFont="1" applyBorder="1" applyAlignment="1">
      <alignment horizontal="center" vertical="center" wrapText="1"/>
    </xf>
    <xf numFmtId="0" fontId="18" fillId="0" borderId="6" xfId="0" applyFont="1" applyBorder="1" applyAlignment="1">
      <alignment horizontal="center"/>
    </xf>
    <xf numFmtId="0" fontId="18" fillId="0" borderId="6" xfId="0" applyFont="1" applyBorder="1" applyAlignment="1">
      <alignment vertical="top" wrapText="1"/>
    </xf>
    <xf numFmtId="0" fontId="18" fillId="0" borderId="7" xfId="0" applyFont="1" applyBorder="1" applyAlignment="1">
      <alignment vertical="top" wrapText="1"/>
    </xf>
    <xf numFmtId="0" fontId="18" fillId="0" borderId="9" xfId="0" applyFont="1" applyBorder="1" applyAlignment="1">
      <alignment vertical="center" wrapText="1"/>
    </xf>
    <xf numFmtId="0" fontId="18" fillId="0" borderId="1" xfId="0" applyFont="1" applyBorder="1" applyAlignment="1">
      <alignment horizontal="left" vertical="center" wrapText="1"/>
    </xf>
    <xf numFmtId="0" fontId="18" fillId="0" borderId="3" xfId="0" applyFont="1" applyBorder="1" applyAlignment="1">
      <alignment horizontal="left" vertical="center" wrapText="1"/>
    </xf>
    <xf numFmtId="0" fontId="24" fillId="0" borderId="5" xfId="0" applyFont="1" applyBorder="1" applyAlignment="1">
      <alignment horizontal="center" vertical="center" wrapText="1"/>
    </xf>
    <xf numFmtId="0" fontId="24" fillId="0" borderId="6" xfId="0" applyFont="1" applyBorder="1" applyAlignment="1">
      <alignment horizontal="center" vertical="center" wrapText="1"/>
    </xf>
    <xf numFmtId="0" fontId="24" fillId="0" borderId="7" xfId="0" applyFont="1" applyBorder="1" applyAlignment="1">
      <alignment horizontal="center" vertical="center" wrapText="1"/>
    </xf>
    <xf numFmtId="0" fontId="18" fillId="0" borderId="5" xfId="0" applyFont="1" applyBorder="1" applyAlignment="1">
      <alignment vertical="center" wrapText="1"/>
    </xf>
    <xf numFmtId="0" fontId="18" fillId="0" borderId="6" xfId="0" applyFont="1" applyBorder="1" applyAlignment="1">
      <alignment vertical="center" wrapText="1"/>
    </xf>
    <xf numFmtId="0" fontId="18" fillId="0" borderId="7" xfId="0" applyFont="1" applyBorder="1" applyAlignment="1">
      <alignment vertical="center" wrapText="1"/>
    </xf>
    <xf numFmtId="0" fontId="2" fillId="0" borderId="5" xfId="0" applyFont="1" applyBorder="1" applyAlignment="1">
      <alignment vertical="center" wrapText="1"/>
    </xf>
    <xf numFmtId="0" fontId="2" fillId="0" borderId="6" xfId="0" applyFont="1" applyBorder="1" applyAlignment="1">
      <alignment vertical="center" wrapText="1"/>
    </xf>
    <xf numFmtId="0" fontId="2" fillId="0" borderId="7" xfId="0" applyFont="1" applyBorder="1" applyAlignment="1">
      <alignment vertical="center" wrapText="1"/>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5" xfId="0" applyFont="1" applyBorder="1" applyAlignment="1">
      <alignment horizontal="right" vertical="center" wrapText="1"/>
    </xf>
    <xf numFmtId="0" fontId="2" fillId="0" borderId="6" xfId="0" applyFont="1" applyBorder="1" applyAlignment="1">
      <alignment horizontal="right" vertical="center" wrapText="1"/>
    </xf>
    <xf numFmtId="0" fontId="2" fillId="0" borderId="7" xfId="0" applyFont="1" applyBorder="1" applyAlignment="1">
      <alignment horizontal="right" vertical="center" wrapText="1"/>
    </xf>
    <xf numFmtId="0" fontId="2" fillId="0" borderId="5" xfId="0" applyFont="1" applyBorder="1" applyAlignment="1">
      <alignment horizontal="left"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4" fillId="0" borderId="5" xfId="0" applyFont="1" applyBorder="1" applyAlignment="1">
      <alignment vertical="center" wrapText="1"/>
    </xf>
    <xf numFmtId="0" fontId="24" fillId="0" borderId="6" xfId="0" applyFont="1" applyBorder="1" applyAlignment="1">
      <alignment vertical="center" wrapText="1"/>
    </xf>
    <xf numFmtId="0" fontId="24" fillId="0" borderId="7" xfId="0" applyFont="1" applyBorder="1" applyAlignment="1">
      <alignment vertical="center" wrapText="1"/>
    </xf>
    <xf numFmtId="0" fontId="12" fillId="0" borderId="5" xfId="0" applyFont="1" applyBorder="1" applyAlignment="1">
      <alignment horizontal="center" vertical="center" wrapText="1"/>
    </xf>
    <xf numFmtId="0" fontId="12" fillId="0" borderId="6" xfId="0" applyFont="1" applyBorder="1" applyAlignment="1">
      <alignment horizontal="center" vertical="center" wrapText="1"/>
    </xf>
    <xf numFmtId="0" fontId="12" fillId="0" borderId="7" xfId="0" applyFont="1" applyBorder="1" applyAlignment="1">
      <alignment horizontal="center" vertical="center" wrapText="1"/>
    </xf>
    <xf numFmtId="0" fontId="26" fillId="0" borderId="5" xfId="0" applyFont="1" applyBorder="1" applyAlignment="1">
      <alignment horizontal="center" vertical="center" wrapText="1"/>
    </xf>
    <xf numFmtId="0" fontId="26" fillId="0" borderId="6" xfId="0" applyFont="1" applyBorder="1" applyAlignment="1">
      <alignment horizontal="center" vertical="center" wrapText="1"/>
    </xf>
    <xf numFmtId="0" fontId="26" fillId="0" borderId="7" xfId="0" applyFont="1" applyBorder="1" applyAlignment="1">
      <alignment horizontal="center" vertical="center" wrapText="1"/>
    </xf>
    <xf numFmtId="8" fontId="26" fillId="0" borderId="5" xfId="0" applyNumberFormat="1" applyFont="1" applyBorder="1" applyAlignment="1">
      <alignment horizontal="center" vertical="center" wrapText="1"/>
    </xf>
    <xf numFmtId="8" fontId="26" fillId="0" borderId="6" xfId="0" applyNumberFormat="1" applyFont="1" applyBorder="1" applyAlignment="1">
      <alignment horizontal="center" vertical="center" wrapText="1"/>
    </xf>
    <xf numFmtId="8" fontId="26" fillId="0" borderId="7" xfId="0" applyNumberFormat="1" applyFont="1" applyBorder="1" applyAlignment="1">
      <alignment horizontal="center" vertical="center" wrapText="1"/>
    </xf>
    <xf numFmtId="15" fontId="26" fillId="0" borderId="5" xfId="0" applyNumberFormat="1" applyFont="1" applyBorder="1" applyAlignment="1">
      <alignment horizontal="center" vertical="center" wrapText="1"/>
    </xf>
    <xf numFmtId="15" fontId="26" fillId="0" borderId="6" xfId="0" applyNumberFormat="1" applyFont="1" applyBorder="1" applyAlignment="1">
      <alignment horizontal="center" vertical="center" wrapText="1"/>
    </xf>
    <xf numFmtId="15" fontId="26" fillId="0" borderId="7" xfId="0" applyNumberFormat="1" applyFont="1" applyBorder="1" applyAlignment="1">
      <alignment horizontal="center" vertical="center"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1" fillId="0" borderId="26" xfId="0" applyFont="1" applyBorder="1" applyAlignment="1">
      <alignment horizontal="center" vertical="center" wrapText="1"/>
    </xf>
    <xf numFmtId="0" fontId="21" fillId="0" borderId="27" xfId="0" applyFont="1" applyBorder="1" applyAlignment="1">
      <alignment horizontal="center" vertical="center" wrapText="1"/>
    </xf>
    <xf numFmtId="0" fontId="21" fillId="0" borderId="29" xfId="0" applyFont="1" applyBorder="1" applyAlignment="1">
      <alignment horizontal="center" vertical="center" wrapText="1"/>
    </xf>
    <xf numFmtId="0" fontId="21" fillId="0" borderId="30" xfId="0" applyFont="1" applyBorder="1" applyAlignment="1">
      <alignment horizontal="center" vertical="center" wrapText="1"/>
    </xf>
    <xf numFmtId="0" fontId="21" fillId="0" borderId="23" xfId="0" applyFont="1" applyBorder="1" applyAlignment="1">
      <alignment horizontal="center" vertical="center" wrapText="1"/>
    </xf>
    <xf numFmtId="0" fontId="21" fillId="0" borderId="24" xfId="0" applyFont="1" applyBorder="1" applyAlignment="1">
      <alignment horizontal="center" vertical="center" wrapText="1"/>
    </xf>
    <xf numFmtId="0" fontId="23" fillId="0" borderId="24" xfId="0" applyFont="1" applyBorder="1" applyAlignment="1">
      <alignment vertical="center" wrapText="1"/>
    </xf>
    <xf numFmtId="0" fontId="23" fillId="0" borderId="23" xfId="0" applyFont="1" applyBorder="1" applyAlignment="1">
      <alignment vertical="center" wrapText="1"/>
    </xf>
    <xf numFmtId="0" fontId="16" fillId="0" borderId="5" xfId="0" applyFont="1" applyBorder="1" applyAlignment="1">
      <alignment vertical="center" wrapText="1"/>
    </xf>
    <xf numFmtId="0" fontId="16" fillId="0" borderId="6" xfId="0" applyFont="1" applyBorder="1" applyAlignment="1">
      <alignment vertical="center" wrapText="1"/>
    </xf>
    <xf numFmtId="0" fontId="16" fillId="0" borderId="7" xfId="0" applyFont="1" applyBorder="1" applyAlignment="1">
      <alignment vertical="center" wrapText="1"/>
    </xf>
    <xf numFmtId="0" fontId="16" fillId="0" borderId="11" xfId="0" applyFont="1" applyBorder="1" applyAlignment="1">
      <alignment vertical="center" wrapText="1"/>
    </xf>
    <xf numFmtId="0" fontId="16" fillId="0" borderId="14" xfId="0" applyFont="1" applyBorder="1" applyAlignment="1">
      <alignment vertical="center" wrapText="1"/>
    </xf>
    <xf numFmtId="0" fontId="16" fillId="0" borderId="15" xfId="0" applyFont="1" applyBorder="1" applyAlignment="1">
      <alignment vertical="center" wrapText="1"/>
    </xf>
    <xf numFmtId="0" fontId="16" fillId="0" borderId="13" xfId="0" applyFont="1" applyBorder="1" applyAlignment="1">
      <alignment vertical="center" wrapText="1"/>
    </xf>
    <xf numFmtId="0" fontId="13" fillId="0" borderId="13" xfId="0" applyFont="1" applyBorder="1" applyAlignment="1">
      <alignment horizontal="center" vertical="center" wrapText="1"/>
    </xf>
    <xf numFmtId="0" fontId="13" fillId="0" borderId="19" xfId="0" applyFont="1" applyBorder="1" applyAlignment="1">
      <alignment horizontal="center" vertical="center" wrapText="1"/>
    </xf>
    <xf numFmtId="0" fontId="13" fillId="0" borderId="20" xfId="0" applyFont="1" applyBorder="1" applyAlignment="1">
      <alignment horizontal="center" vertical="center" wrapText="1"/>
    </xf>
    <xf numFmtId="15" fontId="13" fillId="0" borderId="13" xfId="0" applyNumberFormat="1" applyFont="1" applyBorder="1" applyAlignment="1">
      <alignment horizontal="center" vertical="center" wrapText="1"/>
    </xf>
    <xf numFmtId="0" fontId="13" fillId="0" borderId="5" xfId="0" applyFont="1" applyBorder="1" applyAlignment="1">
      <alignment horizontal="center" vertical="center" wrapText="1"/>
    </xf>
    <xf numFmtId="0" fontId="13" fillId="0" borderId="6" xfId="0" applyFont="1" applyBorder="1" applyAlignment="1">
      <alignment horizontal="center" vertical="center" wrapText="1"/>
    </xf>
    <xf numFmtId="0" fontId="13" fillId="0" borderId="7" xfId="0" applyFont="1" applyBorder="1" applyAlignment="1">
      <alignment horizontal="center" vertical="center" wrapText="1"/>
    </xf>
    <xf numFmtId="15" fontId="13" fillId="0" borderId="5" xfId="0" applyNumberFormat="1" applyFont="1" applyBorder="1" applyAlignment="1">
      <alignment horizontal="center" vertical="center" wrapText="1"/>
    </xf>
    <xf numFmtId="15" fontId="13" fillId="0" borderId="6" xfId="0" applyNumberFormat="1" applyFont="1" applyBorder="1" applyAlignment="1">
      <alignment horizontal="center" vertical="center" wrapText="1"/>
    </xf>
    <xf numFmtId="15" fontId="13" fillId="0" borderId="7" xfId="0" applyNumberFormat="1" applyFont="1" applyBorder="1" applyAlignment="1">
      <alignment horizontal="center" vertical="center" wrapText="1"/>
    </xf>
    <xf numFmtId="0" fontId="13" fillId="0" borderId="13" xfId="0" applyFont="1" applyBorder="1" applyAlignment="1">
      <alignment vertical="center" wrapText="1"/>
    </xf>
    <xf numFmtId="8" fontId="13" fillId="0" borderId="13" xfId="0" applyNumberFormat="1" applyFont="1" applyBorder="1" applyAlignment="1">
      <alignment horizontal="left" vertical="center" wrapText="1"/>
    </xf>
    <xf numFmtId="0" fontId="13" fillId="0" borderId="13" xfId="0" applyFont="1" applyBorder="1" applyAlignment="1">
      <alignment horizontal="left" vertical="center" wrapText="1"/>
    </xf>
    <xf numFmtId="8" fontId="13" fillId="0" borderId="13" xfId="0" applyNumberFormat="1" applyFont="1" applyBorder="1" applyAlignment="1">
      <alignment horizontal="center" vertical="center" wrapText="1"/>
    </xf>
    <xf numFmtId="0" fontId="1" fillId="0" borderId="2" xfId="0" applyFont="1" applyBorder="1" applyAlignment="1">
      <alignment horizontal="left" vertical="center"/>
    </xf>
    <xf numFmtId="0" fontId="1" fillId="0" borderId="4" xfId="0" applyFont="1" applyBorder="1" applyAlignment="1">
      <alignment horizontal="left" vertical="center"/>
    </xf>
    <xf numFmtId="0" fontId="1" fillId="0" borderId="3" xfId="0" applyFont="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5" xfId="0" applyFont="1" applyFill="1" applyBorder="1" applyAlignment="1">
      <alignment horizontal="left" vertical="center"/>
    </xf>
    <xf numFmtId="0" fontId="1" fillId="2" borderId="7" xfId="0" applyFont="1" applyFill="1" applyBorder="1" applyAlignment="1">
      <alignment horizontal="left" vertical="center"/>
    </xf>
    <xf numFmtId="0" fontId="6" fillId="2" borderId="5" xfId="0" applyFont="1" applyFill="1" applyBorder="1" applyAlignment="1">
      <alignment horizontal="left" vertical="center"/>
    </xf>
    <xf numFmtId="0" fontId="6" fillId="2" borderId="7" xfId="0" applyFont="1" applyFill="1" applyBorder="1" applyAlignment="1">
      <alignment horizontal="left" vertical="center"/>
    </xf>
    <xf numFmtId="0" fontId="3" fillId="2" borderId="8" xfId="0" applyFont="1" applyFill="1" applyBorder="1" applyAlignment="1">
      <alignment horizontal="left" vertical="center"/>
    </xf>
    <xf numFmtId="0" fontId="3" fillId="2" borderId="9" xfId="0" applyFont="1" applyFill="1" applyBorder="1" applyAlignment="1">
      <alignment horizontal="left" vertical="center"/>
    </xf>
    <xf numFmtId="0" fontId="3" fillId="2" borderId="5" xfId="0" applyFont="1" applyFill="1" applyBorder="1" applyAlignment="1">
      <alignment horizontal="left" vertical="center"/>
    </xf>
    <xf numFmtId="0" fontId="3" fillId="2" borderId="7" xfId="0" applyFont="1" applyFill="1" applyBorder="1" applyAlignment="1">
      <alignment horizontal="left" vertical="center"/>
    </xf>
    <xf numFmtId="0" fontId="3" fillId="2" borderId="5" xfId="0" applyFont="1" applyFill="1" applyBorder="1" applyAlignment="1">
      <alignment horizontal="left" vertical="center" wrapText="1"/>
    </xf>
    <xf numFmtId="0" fontId="3" fillId="2" borderId="7" xfId="0" applyFont="1" applyFill="1" applyBorder="1" applyAlignment="1">
      <alignment horizontal="left" vertical="center" wrapText="1"/>
    </xf>
    <xf numFmtId="15" fontId="13" fillId="0" borderId="13" xfId="0" applyNumberFormat="1" applyFont="1" applyFill="1" applyBorder="1" applyAlignment="1">
      <alignment horizontal="center" vertical="center"/>
    </xf>
    <xf numFmtId="0" fontId="13" fillId="0" borderId="13" xfId="0" applyFont="1" applyFill="1" applyBorder="1" applyAlignment="1">
      <alignment horizontal="center" vertical="center"/>
    </xf>
    <xf numFmtId="0" fontId="15" fillId="0" borderId="13" xfId="0" applyFont="1" applyFill="1" applyBorder="1" applyAlignment="1">
      <alignment horizontal="left" vertical="center" wrapText="1"/>
    </xf>
    <xf numFmtId="0" fontId="16" fillId="0" borderId="13" xfId="0" applyFont="1" applyFill="1" applyBorder="1" applyAlignment="1">
      <alignment horizontal="left" vertical="center"/>
    </xf>
    <xf numFmtId="0" fontId="21" fillId="0" borderId="32" xfId="0" applyFont="1" applyBorder="1" applyAlignment="1">
      <alignment vertical="center" wrapText="1"/>
    </xf>
    <xf numFmtId="0" fontId="21" fillId="0" borderId="33" xfId="0" applyFont="1" applyBorder="1" applyAlignment="1">
      <alignment vertical="center" wrapText="1"/>
    </xf>
    <xf numFmtId="0" fontId="23" fillId="0" borderId="5" xfId="0" applyFont="1" applyBorder="1" applyAlignment="1">
      <alignment horizontal="left" vertical="center" wrapText="1"/>
    </xf>
    <xf numFmtId="0" fontId="23" fillId="0" borderId="6" xfId="0" applyFont="1" applyBorder="1" applyAlignment="1">
      <alignment horizontal="left" vertical="center" wrapText="1"/>
    </xf>
    <xf numFmtId="0" fontId="23" fillId="0" borderId="7" xfId="0" applyFont="1" applyBorder="1" applyAlignment="1">
      <alignment horizontal="left" vertical="center" wrapText="1"/>
    </xf>
    <xf numFmtId="0" fontId="23" fillId="0" borderId="11" xfId="0" applyFont="1" applyBorder="1" applyAlignment="1">
      <alignment horizontal="left" vertical="center" wrapText="1"/>
    </xf>
    <xf numFmtId="0" fontId="23" fillId="0" borderId="14" xfId="0" applyFont="1" applyBorder="1" applyAlignment="1">
      <alignment horizontal="left" vertical="center" wrapText="1"/>
    </xf>
    <xf numFmtId="0" fontId="23" fillId="0" borderId="15" xfId="0" applyFont="1" applyBorder="1" applyAlignment="1">
      <alignment horizontal="left" vertical="center" wrapText="1"/>
    </xf>
    <xf numFmtId="0" fontId="23" fillId="0" borderId="32" xfId="0" applyFont="1" applyBorder="1" applyAlignment="1">
      <alignment horizontal="left" vertical="center" wrapText="1"/>
    </xf>
    <xf numFmtId="0" fontId="23" fillId="0" borderId="33" xfId="0" applyFont="1" applyBorder="1" applyAlignment="1">
      <alignment horizontal="left" vertical="center" wrapText="1"/>
    </xf>
    <xf numFmtId="0" fontId="21" fillId="0" borderId="32" xfId="0" applyFont="1" applyBorder="1" applyAlignment="1">
      <alignment horizontal="center" vertical="center" wrapText="1"/>
    </xf>
    <xf numFmtId="0" fontId="21" fillId="0" borderId="6" xfId="0" applyFont="1" applyBorder="1" applyAlignment="1">
      <alignment horizontal="center" vertical="center" wrapText="1"/>
    </xf>
    <xf numFmtId="0" fontId="21" fillId="0" borderId="33" xfId="0" applyFont="1" applyBorder="1" applyAlignment="1">
      <alignment horizontal="center" vertical="center" wrapText="1"/>
    </xf>
    <xf numFmtId="0" fontId="23" fillId="0" borderId="25" xfId="0" applyFont="1" applyBorder="1" applyAlignment="1">
      <alignment vertical="center" wrapText="1"/>
    </xf>
    <xf numFmtId="0" fontId="21" fillId="0" borderId="25" xfId="0" applyFont="1" applyBorder="1" applyAlignment="1">
      <alignment horizontal="center" vertical="center" wrapText="1"/>
    </xf>
    <xf numFmtId="0" fontId="21" fillId="0" borderId="28" xfId="0" applyFont="1" applyBorder="1" applyAlignment="1">
      <alignment horizontal="center" vertical="center" wrapText="1"/>
    </xf>
    <xf numFmtId="0" fontId="21" fillId="0" borderId="31" xfId="0" applyFont="1" applyBorder="1" applyAlignment="1">
      <alignment horizontal="center" vertical="center" wrapText="1"/>
    </xf>
    <xf numFmtId="15" fontId="2" fillId="0" borderId="5" xfId="0" applyNumberFormat="1" applyFont="1" applyBorder="1" applyAlignment="1">
      <alignment horizontal="center" vertical="center" wrapText="1"/>
    </xf>
    <xf numFmtId="15" fontId="2" fillId="0" borderId="7" xfId="0" applyNumberFormat="1" applyFont="1" applyBorder="1" applyAlignment="1">
      <alignment horizontal="center" vertical="center" wrapText="1"/>
    </xf>
    <xf numFmtId="0" fontId="18" fillId="0" borderId="5" xfId="0" applyFont="1" applyBorder="1" applyAlignment="1">
      <alignment horizontal="left" vertical="center" wrapText="1"/>
    </xf>
    <xf numFmtId="0" fontId="18" fillId="0" borderId="7" xfId="0" applyFont="1" applyBorder="1" applyAlignment="1">
      <alignment horizontal="left" vertical="center" wrapText="1"/>
    </xf>
    <xf numFmtId="0" fontId="2" fillId="0" borderId="14"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9" xfId="0" applyFont="1" applyBorder="1" applyAlignment="1">
      <alignment horizontal="center" vertical="center" wrapText="1"/>
    </xf>
    <xf numFmtId="15" fontId="12" fillId="0" borderId="5" xfId="0" applyNumberFormat="1" applyFont="1" applyBorder="1" applyAlignment="1">
      <alignment horizontal="center" vertical="center" wrapText="1"/>
    </xf>
    <xf numFmtId="15" fontId="12" fillId="0" borderId="6" xfId="0" applyNumberFormat="1" applyFont="1" applyBorder="1" applyAlignment="1">
      <alignment horizontal="center" vertical="center" wrapText="1"/>
    </xf>
    <xf numFmtId="15" fontId="12" fillId="0" borderId="7" xfId="0" applyNumberFormat="1" applyFont="1" applyBorder="1" applyAlignment="1">
      <alignment horizontal="center" vertical="center" wrapText="1"/>
    </xf>
    <xf numFmtId="0" fontId="21" fillId="0" borderId="5" xfId="0" applyFont="1" applyBorder="1" applyAlignment="1">
      <alignment horizontal="right" vertical="center" wrapText="1"/>
    </xf>
    <xf numFmtId="0" fontId="21" fillId="0" borderId="6" xfId="0" applyFont="1" applyBorder="1" applyAlignment="1">
      <alignment horizontal="right" vertical="center" wrapText="1"/>
    </xf>
    <xf numFmtId="0" fontId="21" fillId="0" borderId="7" xfId="0" applyFont="1" applyBorder="1" applyAlignment="1">
      <alignment horizontal="right" vertical="center" wrapText="1"/>
    </xf>
    <xf numFmtId="0" fontId="21" fillId="0" borderId="5" xfId="0" applyFont="1" applyBorder="1" applyAlignment="1">
      <alignment horizontal="left" vertical="center" wrapText="1"/>
    </xf>
    <xf numFmtId="0" fontId="21" fillId="0" borderId="6" xfId="0" applyFont="1" applyBorder="1" applyAlignment="1">
      <alignment horizontal="left" vertical="center" wrapText="1"/>
    </xf>
    <xf numFmtId="0" fontId="21" fillId="0" borderId="7" xfId="0" applyFont="1" applyBorder="1" applyAlignment="1">
      <alignment horizontal="left" vertical="center" wrapText="1"/>
    </xf>
    <xf numFmtId="0" fontId="2" fillId="0" borderId="8" xfId="0" applyFont="1" applyBorder="1" applyAlignment="1">
      <alignment horizontal="center" vertical="center"/>
    </xf>
    <xf numFmtId="0" fontId="2" fillId="0" borderId="12" xfId="0" applyFont="1" applyBorder="1" applyAlignment="1">
      <alignment horizontal="center" vertical="center"/>
    </xf>
    <xf numFmtId="0" fontId="2" fillId="0" borderId="9" xfId="0" applyFont="1" applyBorder="1" applyAlignment="1">
      <alignment horizontal="center" vertical="center"/>
    </xf>
    <xf numFmtId="8" fontId="2" fillId="0" borderId="5" xfId="0" applyNumberFormat="1" applyFont="1" applyBorder="1" applyAlignment="1">
      <alignment horizontal="left" vertical="center" wrapText="1"/>
    </xf>
    <xf numFmtId="8" fontId="2" fillId="0" borderId="6" xfId="0" applyNumberFormat="1" applyFont="1" applyBorder="1" applyAlignment="1">
      <alignment horizontal="left" vertical="center" wrapText="1"/>
    </xf>
    <xf numFmtId="8" fontId="2" fillId="0" borderId="7" xfId="0" applyNumberFormat="1" applyFont="1" applyBorder="1" applyAlignment="1">
      <alignment horizontal="left" vertical="center" wrapText="1"/>
    </xf>
    <xf numFmtId="0" fontId="18" fillId="0" borderId="11" xfId="0" applyFont="1" applyBorder="1" applyAlignment="1">
      <alignment horizontal="center" vertical="center" wrapText="1"/>
    </xf>
    <xf numFmtId="0" fontId="18" fillId="0" borderId="14" xfId="0" applyFont="1" applyBorder="1" applyAlignment="1">
      <alignment horizontal="center" vertical="center" wrapText="1"/>
    </xf>
    <xf numFmtId="0" fontId="18" fillId="0" borderId="15" xfId="0" applyFont="1" applyBorder="1" applyAlignment="1">
      <alignment horizontal="center" vertical="center" wrapText="1"/>
    </xf>
    <xf numFmtId="0" fontId="18" fillId="0" borderId="5" xfId="0" applyFont="1" applyBorder="1" applyAlignment="1">
      <alignment horizontal="center" vertical="center"/>
    </xf>
    <xf numFmtId="0" fontId="18" fillId="0" borderId="6" xfId="0" applyFont="1" applyBorder="1" applyAlignment="1">
      <alignment horizontal="center" vertical="center"/>
    </xf>
    <xf numFmtId="0" fontId="18" fillId="0" borderId="7" xfId="0" applyFont="1" applyBorder="1" applyAlignment="1">
      <alignment horizontal="center" vertical="center"/>
    </xf>
    <xf numFmtId="8" fontId="2" fillId="0" borderId="5" xfId="0" applyNumberFormat="1" applyFont="1" applyBorder="1" applyAlignment="1">
      <alignment horizontal="center" vertical="center" wrapText="1"/>
    </xf>
    <xf numFmtId="8" fontId="2" fillId="0" borderId="7" xfId="0" applyNumberFormat="1" applyFont="1" applyBorder="1" applyAlignment="1">
      <alignment horizontal="center" vertical="center" wrapText="1"/>
    </xf>
    <xf numFmtId="0" fontId="21" fillId="0" borderId="5" xfId="0" applyFont="1" applyBorder="1" applyAlignment="1">
      <alignment horizontal="center" vertical="center" wrapText="1"/>
    </xf>
    <xf numFmtId="0" fontId="21" fillId="0" borderId="7" xfId="0" applyFont="1" applyBorder="1" applyAlignment="1">
      <alignment horizontal="center" vertical="center" wrapText="1"/>
    </xf>
    <xf numFmtId="0" fontId="18" fillId="0" borderId="8" xfId="0" applyFont="1" applyBorder="1" applyAlignment="1">
      <alignment vertical="center" wrapText="1"/>
    </xf>
    <xf numFmtId="0" fontId="18" fillId="0" borderId="12" xfId="0" applyFont="1" applyBorder="1" applyAlignment="1">
      <alignment vertical="center" wrapText="1"/>
    </xf>
    <xf numFmtId="0" fontId="18" fillId="0" borderId="9" xfId="0" applyFont="1" applyBorder="1" applyAlignment="1">
      <alignment vertical="center" wrapText="1"/>
    </xf>
    <xf numFmtId="0" fontId="13" fillId="0" borderId="8"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9" xfId="0" applyFont="1" applyBorder="1" applyAlignment="1">
      <alignment horizontal="center" vertical="center" wrapText="1"/>
    </xf>
    <xf numFmtId="0" fontId="18" fillId="0" borderId="5" xfId="0" applyFont="1" applyBorder="1" applyAlignment="1">
      <alignment horizontal="center" vertical="center" wrapText="1"/>
    </xf>
    <xf numFmtId="0" fontId="18" fillId="0" borderId="6" xfId="0" applyFont="1" applyBorder="1" applyAlignment="1">
      <alignment horizontal="center" vertical="center" wrapText="1"/>
    </xf>
    <xf numFmtId="0" fontId="18" fillId="0" borderId="7" xfId="0" applyFont="1" applyBorder="1" applyAlignment="1">
      <alignment horizontal="center" vertical="center" wrapText="1"/>
    </xf>
    <xf numFmtId="0" fontId="29" fillId="4" borderId="5" xfId="0" applyFont="1" applyFill="1" applyBorder="1" applyAlignment="1">
      <alignment vertical="center" wrapText="1"/>
    </xf>
    <xf numFmtId="0" fontId="29" fillId="4" borderId="7" xfId="0" applyFont="1" applyFill="1" applyBorder="1" applyAlignment="1">
      <alignment vertical="center" wrapText="1"/>
    </xf>
    <xf numFmtId="0" fontId="0" fillId="0" borderId="5" xfId="0" applyBorder="1" applyAlignment="1">
      <alignment horizontal="center" vertical="center" wrapText="1"/>
    </xf>
    <xf numFmtId="0" fontId="0" fillId="0" borderId="7" xfId="0" applyBorder="1" applyAlignment="1">
      <alignment horizontal="center" vertical="center" wrapText="1"/>
    </xf>
    <xf numFmtId="0" fontId="16" fillId="0" borderId="5" xfId="0" applyFont="1" applyBorder="1" applyAlignment="1">
      <alignment horizontal="left" vertical="center" wrapText="1"/>
    </xf>
    <xf numFmtId="0" fontId="16" fillId="0" borderId="6" xfId="0" applyFont="1" applyBorder="1" applyAlignment="1">
      <alignment horizontal="left" vertical="center" wrapText="1"/>
    </xf>
    <xf numFmtId="0" fontId="16" fillId="0" borderId="7" xfId="0" applyFont="1" applyBorder="1" applyAlignment="1">
      <alignment horizontal="left" vertical="center" wrapText="1"/>
    </xf>
    <xf numFmtId="0" fontId="16" fillId="0" borderId="5" xfId="0" applyFont="1" applyBorder="1" applyAlignment="1">
      <alignment horizontal="center" vertical="center" wrapText="1"/>
    </xf>
    <xf numFmtId="0" fontId="16" fillId="0" borderId="6" xfId="0" applyFont="1" applyBorder="1" applyAlignment="1">
      <alignment horizontal="center" vertical="center" wrapText="1"/>
    </xf>
    <xf numFmtId="0" fontId="16" fillId="0" borderId="7" xfId="0" applyFont="1" applyBorder="1" applyAlignment="1">
      <alignment horizontal="center" vertical="center" wrapText="1"/>
    </xf>
    <xf numFmtId="0" fontId="25" fillId="0" borderId="5" xfId="0" applyFont="1" applyBorder="1" applyAlignment="1">
      <alignment horizontal="center" vertical="center" wrapText="1"/>
    </xf>
    <xf numFmtId="0" fontId="25" fillId="0" borderId="7" xfId="0" applyFont="1" applyBorder="1" applyAlignment="1">
      <alignment horizontal="center" vertical="center" wrapText="1"/>
    </xf>
    <xf numFmtId="0" fontId="21" fillId="0" borderId="37" xfId="0" applyFont="1" applyBorder="1" applyAlignment="1">
      <alignment horizontal="center" vertical="center" wrapText="1"/>
    </xf>
    <xf numFmtId="0" fontId="21" fillId="0" borderId="17" xfId="0" applyFont="1" applyBorder="1" applyAlignment="1">
      <alignment horizontal="center" vertical="center" wrapText="1"/>
    </xf>
    <xf numFmtId="0" fontId="23" fillId="0" borderId="38" xfId="0" applyFont="1" applyBorder="1" applyAlignment="1">
      <alignment horizontal="center" vertical="center" wrapText="1"/>
    </xf>
    <xf numFmtId="0" fontId="23" fillId="0" borderId="39" xfId="0" applyFont="1" applyBorder="1" applyAlignment="1">
      <alignment horizontal="center" vertical="center" wrapText="1"/>
    </xf>
    <xf numFmtId="0" fontId="12" fillId="0" borderId="5" xfId="0" applyFont="1" applyBorder="1" applyAlignment="1">
      <alignment vertical="center" wrapText="1"/>
    </xf>
    <xf numFmtId="0" fontId="12" fillId="0" borderId="6" xfId="0" applyFont="1" applyBorder="1" applyAlignment="1">
      <alignment vertical="center" wrapText="1"/>
    </xf>
    <xf numFmtId="0" fontId="12" fillId="0" borderId="7" xfId="0" applyFont="1" applyBorder="1" applyAlignment="1">
      <alignment vertical="center" wrapText="1"/>
    </xf>
    <xf numFmtId="0" fontId="2" fillId="4" borderId="13" xfId="0" applyFont="1" applyFill="1" applyBorder="1" applyAlignment="1">
      <alignment vertical="top" wrapText="1"/>
    </xf>
    <xf numFmtId="0" fontId="2" fillId="0" borderId="13" xfId="0" applyFont="1" applyBorder="1" applyAlignment="1">
      <alignment horizontal="center" vertical="center" wrapText="1"/>
    </xf>
    <xf numFmtId="0" fontId="18" fillId="0" borderId="13" xfId="0" applyFont="1" applyBorder="1" applyAlignment="1">
      <alignment vertical="center" wrapText="1"/>
    </xf>
    <xf numFmtId="0" fontId="2" fillId="0" borderId="13" xfId="0" applyFont="1" applyBorder="1" applyAlignment="1">
      <alignment vertical="center" wrapText="1"/>
    </xf>
    <xf numFmtId="0" fontId="2" fillId="4" borderId="13" xfId="0" applyFont="1" applyFill="1" applyBorder="1" applyAlignment="1">
      <alignment vertical="center" wrapText="1"/>
    </xf>
    <xf numFmtId="0" fontId="18" fillId="0" borderId="13" xfId="0" applyFont="1" applyBorder="1" applyAlignment="1">
      <alignment vertical="top" wrapText="1"/>
    </xf>
    <xf numFmtId="0" fontId="2" fillId="0" borderId="13" xfId="0" applyFont="1" applyBorder="1" applyAlignment="1">
      <alignment vertical="top" wrapText="1"/>
    </xf>
    <xf numFmtId="0" fontId="2" fillId="0" borderId="13" xfId="0" applyFont="1" applyBorder="1" applyAlignment="1">
      <alignment horizontal="center" wrapText="1"/>
    </xf>
    <xf numFmtId="0" fontId="2" fillId="0" borderId="13" xfId="0" applyFont="1" applyBorder="1" applyAlignment="1">
      <alignment horizontal="center" vertical="top" wrapText="1"/>
    </xf>
    <xf numFmtId="0" fontId="18" fillId="0" borderId="2" xfId="0" applyFont="1" applyBorder="1" applyAlignment="1">
      <alignment horizontal="center"/>
    </xf>
    <xf numFmtId="0" fontId="18" fillId="0" borderId="4" xfId="0" applyFont="1" applyBorder="1" applyAlignment="1">
      <alignment horizontal="center"/>
    </xf>
    <xf numFmtId="0" fontId="18" fillId="0" borderId="3" xfId="0" applyFont="1" applyBorder="1" applyAlignment="1">
      <alignment horizontal="center"/>
    </xf>
    <xf numFmtId="0" fontId="20" fillId="2" borderId="5" xfId="0" applyFont="1" applyFill="1" applyBorder="1" applyAlignment="1">
      <alignment horizontal="center" wrapText="1"/>
    </xf>
    <xf numFmtId="0" fontId="20" fillId="2" borderId="7" xfId="0" applyFont="1" applyFill="1" applyBorder="1" applyAlignment="1">
      <alignment horizontal="center" wrapText="1"/>
    </xf>
    <xf numFmtId="0" fontId="20" fillId="2" borderId="5" xfId="0" applyFont="1" applyFill="1" applyBorder="1" applyAlignment="1">
      <alignment horizontal="left"/>
    </xf>
    <xf numFmtId="0" fontId="20" fillId="2" borderId="7" xfId="0" applyFont="1" applyFill="1" applyBorder="1" applyAlignment="1">
      <alignment horizontal="left"/>
    </xf>
    <xf numFmtId="0" fontId="20" fillId="2" borderId="8" xfId="0" applyFont="1" applyFill="1" applyBorder="1" applyAlignment="1">
      <alignment horizontal="center"/>
    </xf>
    <xf numFmtId="0" fontId="20" fillId="2" borderId="9" xfId="0" applyFont="1" applyFill="1" applyBorder="1" applyAlignment="1">
      <alignment horizontal="center"/>
    </xf>
    <xf numFmtId="0" fontId="20" fillId="0" borderId="13" xfId="0" applyFont="1" applyBorder="1" applyAlignment="1">
      <alignment horizontal="center"/>
    </xf>
    <xf numFmtId="0" fontId="19" fillId="0" borderId="13" xfId="0" applyFont="1" applyBorder="1" applyAlignment="1">
      <alignment horizontal="left" wrapText="1"/>
    </xf>
    <xf numFmtId="0" fontId="20" fillId="0" borderId="13" xfId="0" applyFont="1" applyBorder="1" applyAlignment="1">
      <alignment horizontal="left" vertical="center"/>
    </xf>
    <xf numFmtId="0" fontId="19" fillId="0" borderId="13" xfId="0" applyFont="1" applyBorder="1" applyAlignment="1">
      <alignment horizontal="left" vertical="center" wrapText="1"/>
    </xf>
    <xf numFmtId="0" fontId="20" fillId="0" borderId="13" xfId="0" applyFont="1" applyBorder="1" applyAlignment="1">
      <alignment horizontal="center" wrapText="1"/>
    </xf>
    <xf numFmtId="0" fontId="19" fillId="0" borderId="13" xfId="0" applyFont="1" applyBorder="1" applyAlignment="1">
      <alignment horizontal="center" wrapText="1"/>
    </xf>
    <xf numFmtId="0" fontId="18" fillId="2" borderId="2"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7" xfId="0" applyFont="1" applyFill="1" applyBorder="1" applyAlignment="1">
      <alignment horizontal="center" vertical="center"/>
    </xf>
    <xf numFmtId="0" fontId="2" fillId="0" borderId="13" xfId="0" applyFont="1" applyBorder="1" applyAlignment="1">
      <alignment horizontal="left" vertical="center" wrapText="1"/>
    </xf>
    <xf numFmtId="0" fontId="2" fillId="0" borderId="6" xfId="0" applyFont="1" applyBorder="1" applyAlignment="1">
      <alignment horizontal="left" vertical="center"/>
    </xf>
    <xf numFmtId="0" fontId="2" fillId="0" borderId="7" xfId="0" applyFont="1" applyBorder="1" applyAlignment="1">
      <alignment horizontal="left" vertical="center"/>
    </xf>
    <xf numFmtId="0" fontId="18" fillId="0" borderId="5" xfId="0" applyFont="1" applyBorder="1" applyAlignment="1">
      <alignment horizontal="left" vertical="center"/>
    </xf>
    <xf numFmtId="0" fontId="18" fillId="0" borderId="6" xfId="0" applyFont="1" applyBorder="1" applyAlignment="1">
      <alignment horizontal="left" vertical="center"/>
    </xf>
    <xf numFmtId="0" fontId="18" fillId="0" borderId="7" xfId="0" applyFont="1" applyBorder="1" applyAlignment="1">
      <alignment horizontal="left" vertical="center"/>
    </xf>
    <xf numFmtId="0" fontId="2" fillId="0" borderId="35" xfId="0" applyFont="1" applyBorder="1" applyAlignment="1">
      <alignment vertical="center" wrapText="1"/>
    </xf>
    <xf numFmtId="0" fontId="2" fillId="0" borderId="16" xfId="0" applyFont="1" applyBorder="1" applyAlignment="1">
      <alignment vertical="center" wrapText="1"/>
    </xf>
    <xf numFmtId="0" fontId="2" fillId="0" borderId="40" xfId="0" applyFont="1" applyBorder="1" applyAlignment="1">
      <alignment vertical="center" wrapText="1"/>
    </xf>
    <xf numFmtId="0" fontId="18" fillId="0" borderId="38" xfId="0" applyFont="1" applyBorder="1" applyAlignment="1">
      <alignment horizontal="center" vertical="center" wrapText="1"/>
    </xf>
    <xf numFmtId="0" fontId="18" fillId="0" borderId="39" xfId="0" applyFont="1" applyBorder="1" applyAlignment="1">
      <alignment horizontal="center" vertical="center" wrapText="1"/>
    </xf>
    <xf numFmtId="0" fontId="2" fillId="0" borderId="37" xfId="0" applyFont="1" applyBorder="1" applyAlignment="1">
      <alignment horizontal="center" vertical="center" wrapText="1"/>
    </xf>
    <xf numFmtId="0" fontId="2" fillId="0" borderId="17" xfId="0" applyFont="1" applyBorder="1" applyAlignment="1">
      <alignment horizontal="center" vertical="center" wrapText="1"/>
    </xf>
    <xf numFmtId="0" fontId="20" fillId="0" borderId="5" xfId="0" applyFont="1" applyBorder="1" applyAlignment="1">
      <alignment horizontal="left" vertical="center"/>
    </xf>
    <xf numFmtId="0" fontId="20" fillId="0" borderId="6" xfId="0" applyFont="1" applyBorder="1" applyAlignment="1">
      <alignment horizontal="left" vertical="center"/>
    </xf>
    <xf numFmtId="0" fontId="20" fillId="0" borderId="7" xfId="0" applyFont="1" applyBorder="1" applyAlignment="1">
      <alignment horizontal="left" vertical="center"/>
    </xf>
    <xf numFmtId="0" fontId="19" fillId="0" borderId="5" xfId="0" applyFont="1" applyBorder="1" applyAlignment="1">
      <alignment vertical="center" wrapText="1"/>
    </xf>
    <xf numFmtId="0" fontId="19" fillId="0" borderId="6" xfId="0" applyFont="1" applyBorder="1" applyAlignment="1">
      <alignment vertical="center" wrapText="1"/>
    </xf>
    <xf numFmtId="0" fontId="19" fillId="0" borderId="7" xfId="0" applyFont="1" applyBorder="1" applyAlignment="1">
      <alignment vertical="center" wrapText="1"/>
    </xf>
    <xf numFmtId="0" fontId="2" fillId="0" borderId="2" xfId="0" applyFont="1" applyBorder="1" applyAlignment="1">
      <alignment horizontal="left" vertical="center"/>
    </xf>
    <xf numFmtId="0" fontId="2" fillId="0" borderId="4" xfId="0" applyFont="1" applyBorder="1" applyAlignment="1">
      <alignment horizontal="left" vertical="center"/>
    </xf>
    <xf numFmtId="0" fontId="2" fillId="0" borderId="3" xfId="0" applyFont="1" applyBorder="1" applyAlignment="1">
      <alignment horizontal="left" vertical="center"/>
    </xf>
    <xf numFmtId="0" fontId="2" fillId="0" borderId="44" xfId="0" applyFont="1" applyBorder="1" applyAlignment="1">
      <alignment horizontal="left" vertical="center"/>
    </xf>
    <xf numFmtId="0" fontId="2" fillId="0" borderId="9" xfId="0" applyFont="1" applyBorder="1" applyAlignment="1">
      <alignment horizontal="left" vertical="center"/>
    </xf>
    <xf numFmtId="0" fontId="21" fillId="0" borderId="5" xfId="0" applyFont="1" applyBorder="1" applyAlignment="1">
      <alignment vertical="center" wrapText="1"/>
    </xf>
    <xf numFmtId="0" fontId="21" fillId="0" borderId="7" xfId="0" applyFont="1" applyBorder="1" applyAlignment="1">
      <alignment vertical="center" wrapText="1"/>
    </xf>
    <xf numFmtId="0" fontId="9" fillId="2" borderId="5" xfId="0" applyFont="1" applyFill="1" applyBorder="1" applyAlignment="1">
      <alignment horizontal="left" vertical="center"/>
    </xf>
    <xf numFmtId="0" fontId="9" fillId="2" borderId="7" xfId="0" applyFont="1" applyFill="1" applyBorder="1" applyAlignment="1">
      <alignment horizontal="left" vertical="center"/>
    </xf>
    <xf numFmtId="0" fontId="9" fillId="0" borderId="2" xfId="0" applyFont="1" applyBorder="1" applyAlignment="1">
      <alignment horizontal="left" vertical="center"/>
    </xf>
    <xf numFmtId="0" fontId="9" fillId="0" borderId="4" xfId="0" applyFont="1" applyBorder="1" applyAlignment="1">
      <alignment horizontal="left" vertical="center"/>
    </xf>
    <xf numFmtId="0" fontId="9" fillId="0" borderId="3" xfId="0" applyFont="1" applyBorder="1" applyAlignment="1">
      <alignment horizontal="left" vertical="center"/>
    </xf>
    <xf numFmtId="0" fontId="10" fillId="2" borderId="5" xfId="0" applyFont="1" applyFill="1" applyBorder="1" applyAlignment="1">
      <alignment horizontal="left" vertical="center" wrapText="1"/>
    </xf>
    <xf numFmtId="0" fontId="10" fillId="2" borderId="7" xfId="0" applyFont="1" applyFill="1" applyBorder="1" applyAlignment="1">
      <alignment horizontal="left" vertical="center" wrapText="1"/>
    </xf>
    <xf numFmtId="0" fontId="10" fillId="2" borderId="5" xfId="0" applyFont="1" applyFill="1" applyBorder="1" applyAlignment="1">
      <alignment horizontal="left" vertical="center"/>
    </xf>
    <xf numFmtId="0" fontId="10" fillId="2" borderId="7" xfId="0" applyFont="1" applyFill="1" applyBorder="1" applyAlignment="1">
      <alignment horizontal="left" vertical="center"/>
    </xf>
    <xf numFmtId="0" fontId="10" fillId="2" borderId="8" xfId="0" applyFont="1" applyFill="1" applyBorder="1" applyAlignment="1">
      <alignment horizontal="left" vertical="center"/>
    </xf>
    <xf numFmtId="0" fontId="10" fillId="2" borderId="9" xfId="0" applyFont="1" applyFill="1" applyBorder="1" applyAlignment="1">
      <alignment horizontal="left" vertical="center"/>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20" fillId="2" borderId="5" xfId="0" applyFont="1" applyFill="1" applyBorder="1" applyAlignment="1">
      <alignment horizontal="center" vertical="top" wrapText="1"/>
    </xf>
    <xf numFmtId="0" fontId="20" fillId="2" borderId="6" xfId="0" applyFont="1" applyFill="1" applyBorder="1" applyAlignment="1">
      <alignment horizontal="center" vertical="top" wrapText="1"/>
    </xf>
    <xf numFmtId="0" fontId="20" fillId="2" borderId="5" xfId="0" applyFont="1" applyFill="1" applyBorder="1" applyAlignment="1">
      <alignment horizontal="left" vertical="top"/>
    </xf>
    <xf numFmtId="0" fontId="20" fillId="2" borderId="6" xfId="0" applyFont="1" applyFill="1" applyBorder="1" applyAlignment="1">
      <alignment horizontal="left" vertical="top"/>
    </xf>
    <xf numFmtId="0" fontId="20" fillId="2" borderId="8" xfId="0" applyFont="1" applyFill="1" applyBorder="1" applyAlignment="1">
      <alignment horizontal="center" vertical="top" wrapText="1"/>
    </xf>
    <xf numFmtId="0" fontId="20" fillId="2" borderId="12" xfId="0" applyFont="1" applyFill="1" applyBorder="1" applyAlignment="1">
      <alignment horizontal="center" vertical="top" wrapText="1"/>
    </xf>
    <xf numFmtId="0" fontId="18" fillId="2" borderId="2" xfId="0" applyFont="1" applyFill="1" applyBorder="1" applyAlignment="1">
      <alignment horizontal="center" vertical="top"/>
    </xf>
    <xf numFmtId="0" fontId="18" fillId="2" borderId="4" xfId="0" applyFont="1" applyFill="1" applyBorder="1" applyAlignment="1">
      <alignment horizontal="center" vertical="top"/>
    </xf>
    <xf numFmtId="0" fontId="18" fillId="2" borderId="5" xfId="0" applyFont="1" applyFill="1" applyBorder="1" applyAlignment="1">
      <alignment horizontal="center" vertical="top"/>
    </xf>
    <xf numFmtId="0" fontId="18" fillId="2" borderId="6" xfId="0" applyFont="1" applyFill="1" applyBorder="1" applyAlignment="1">
      <alignment horizontal="center" vertical="top"/>
    </xf>
    <xf numFmtId="1" fontId="2" fillId="0" borderId="3" xfId="0" applyNumberFormat="1" applyFont="1" applyBorder="1" applyAlignment="1">
      <alignment horizontal="center" vertical="center" wrapText="1"/>
    </xf>
  </cellXfs>
  <cellStyles count="2">
    <cellStyle name="Currency" xfId="1"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455"/>
  <sheetViews>
    <sheetView tabSelected="1" topLeftCell="C439" zoomScaleNormal="100" workbookViewId="0">
      <selection activeCell="G453" sqref="G453:G454"/>
    </sheetView>
  </sheetViews>
  <sheetFormatPr defaultColWidth="9.140625" defaultRowHeight="15" x14ac:dyDescent="0.25"/>
  <cols>
    <col min="1" max="1" width="28.42578125" style="6" customWidth="1"/>
    <col min="2" max="2" width="37.5703125" style="6" customWidth="1"/>
    <col min="3" max="3" width="61.140625" style="6" bestFit="1" customWidth="1"/>
    <col min="4" max="4" width="16.140625" style="6" customWidth="1"/>
    <col min="5" max="5" width="17.7109375" style="2" customWidth="1"/>
    <col min="6" max="6" width="13.7109375" style="2" bestFit="1" customWidth="1"/>
    <col min="7" max="8" width="29" style="2" customWidth="1"/>
    <col min="9" max="9" width="38.140625" style="8" customWidth="1"/>
    <col min="10" max="10" width="29" style="2" customWidth="1"/>
    <col min="11" max="11" width="34.5703125" style="2" customWidth="1"/>
    <col min="12" max="16384" width="9.140625" style="2"/>
  </cols>
  <sheetData>
    <row r="1" spans="1:11" ht="15.75" thickBot="1" x14ac:dyDescent="0.3">
      <c r="A1" s="371" t="s">
        <v>596</v>
      </c>
      <c r="B1" s="372"/>
      <c r="C1" s="373"/>
      <c r="D1" s="1"/>
    </row>
    <row r="2" spans="1:11" ht="15.75" thickBot="1" x14ac:dyDescent="0.3">
      <c r="A2" s="384" t="s">
        <v>2</v>
      </c>
      <c r="B2" s="382" t="s">
        <v>0</v>
      </c>
      <c r="C2" s="380" t="s">
        <v>1</v>
      </c>
      <c r="D2" s="376" t="s">
        <v>83</v>
      </c>
      <c r="E2" s="374" t="s">
        <v>55</v>
      </c>
      <c r="F2" s="375"/>
      <c r="G2" s="376" t="s">
        <v>54</v>
      </c>
      <c r="H2" s="376" t="s">
        <v>56</v>
      </c>
      <c r="I2" s="378" t="s">
        <v>59</v>
      </c>
      <c r="J2" s="376" t="s">
        <v>60</v>
      </c>
    </row>
    <row r="3" spans="1:11" ht="15.75" thickBot="1" x14ac:dyDescent="0.3">
      <c r="A3" s="385"/>
      <c r="B3" s="383"/>
      <c r="C3" s="381"/>
      <c r="D3" s="377"/>
      <c r="E3" s="3" t="s">
        <v>58</v>
      </c>
      <c r="F3" s="4" t="s">
        <v>57</v>
      </c>
      <c r="G3" s="377"/>
      <c r="H3" s="377"/>
      <c r="I3" s="379"/>
      <c r="J3" s="377"/>
    </row>
    <row r="4" spans="1:11" ht="140.25" x14ac:dyDescent="0.25">
      <c r="A4" s="55" t="s">
        <v>157</v>
      </c>
      <c r="B4" s="55" t="s">
        <v>3</v>
      </c>
      <c r="C4" s="56" t="s">
        <v>4</v>
      </c>
      <c r="D4" s="57">
        <v>1</v>
      </c>
      <c r="E4" s="58">
        <v>20</v>
      </c>
      <c r="F4" s="59">
        <v>80</v>
      </c>
      <c r="G4" s="59" t="s">
        <v>130</v>
      </c>
      <c r="H4" s="59" t="s">
        <v>102</v>
      </c>
      <c r="I4" s="52" t="s">
        <v>129</v>
      </c>
      <c r="J4" s="60">
        <v>43201</v>
      </c>
    </row>
    <row r="5" spans="1:11" ht="140.25" x14ac:dyDescent="0.25">
      <c r="A5" s="61" t="s">
        <v>7</v>
      </c>
      <c r="B5" s="62" t="s">
        <v>8</v>
      </c>
      <c r="C5" s="61" t="s">
        <v>9</v>
      </c>
      <c r="D5" s="63">
        <v>1</v>
      </c>
      <c r="E5" s="40">
        <v>20</v>
      </c>
      <c r="F5" s="40">
        <v>71.17</v>
      </c>
      <c r="G5" s="64">
        <v>2560649.48</v>
      </c>
      <c r="H5" s="40" t="s">
        <v>87</v>
      </c>
      <c r="I5" s="65" t="s">
        <v>101</v>
      </c>
      <c r="J5" s="66">
        <v>43209</v>
      </c>
    </row>
    <row r="6" spans="1:11" ht="126.75" customHeight="1" x14ac:dyDescent="0.25">
      <c r="A6" s="62" t="s">
        <v>94</v>
      </c>
      <c r="B6" s="62" t="s">
        <v>10</v>
      </c>
      <c r="C6" s="62" t="s">
        <v>298</v>
      </c>
      <c r="D6" s="67">
        <v>2</v>
      </c>
      <c r="E6" s="40">
        <v>18</v>
      </c>
      <c r="F6" s="40">
        <v>80</v>
      </c>
      <c r="G6" s="68">
        <v>4034738.31</v>
      </c>
      <c r="H6" s="40" t="s">
        <v>93</v>
      </c>
      <c r="I6" s="65" t="s">
        <v>95</v>
      </c>
      <c r="J6" s="66">
        <v>43174</v>
      </c>
    </row>
    <row r="7" spans="1:11" ht="51" x14ac:dyDescent="0.25">
      <c r="A7" s="61" t="s">
        <v>12</v>
      </c>
      <c r="B7" s="62" t="s">
        <v>13</v>
      </c>
      <c r="C7" s="62" t="s">
        <v>14</v>
      </c>
      <c r="D7" s="67">
        <v>1</v>
      </c>
      <c r="E7" s="40">
        <v>20</v>
      </c>
      <c r="F7" s="40">
        <v>80</v>
      </c>
      <c r="G7" s="68">
        <v>15083170</v>
      </c>
      <c r="H7" s="40" t="s">
        <v>96</v>
      </c>
      <c r="I7" s="65" t="s">
        <v>97</v>
      </c>
      <c r="J7" s="66">
        <v>43230</v>
      </c>
    </row>
    <row r="8" spans="1:11" ht="25.5" x14ac:dyDescent="0.25">
      <c r="A8" s="61" t="s">
        <v>15</v>
      </c>
      <c r="B8" s="62" t="s">
        <v>16</v>
      </c>
      <c r="C8" s="62" t="s">
        <v>17</v>
      </c>
      <c r="D8" s="67">
        <v>1</v>
      </c>
      <c r="E8" s="40">
        <v>20</v>
      </c>
      <c r="F8" s="40">
        <v>80</v>
      </c>
      <c r="G8" s="68">
        <v>3216550</v>
      </c>
      <c r="H8" s="40" t="s">
        <v>96</v>
      </c>
      <c r="I8" s="40" t="s">
        <v>100</v>
      </c>
      <c r="J8" s="66">
        <v>43249</v>
      </c>
    </row>
    <row r="9" spans="1:11" ht="38.25" x14ac:dyDescent="0.25">
      <c r="A9" s="61" t="s">
        <v>18</v>
      </c>
      <c r="B9" s="62" t="s">
        <v>19</v>
      </c>
      <c r="C9" s="62" t="s">
        <v>20</v>
      </c>
      <c r="D9" s="67">
        <v>4</v>
      </c>
      <c r="E9" s="40">
        <v>12</v>
      </c>
      <c r="F9" s="40">
        <v>80</v>
      </c>
      <c r="G9" s="68">
        <v>954558.52</v>
      </c>
      <c r="H9" s="40" t="s">
        <v>102</v>
      </c>
      <c r="I9" s="65" t="s">
        <v>103</v>
      </c>
      <c r="J9" s="66">
        <v>43273</v>
      </c>
    </row>
    <row r="10" spans="1:11" ht="38.25" x14ac:dyDescent="0.25">
      <c r="A10" s="61" t="s">
        <v>21</v>
      </c>
      <c r="B10" s="62" t="s">
        <v>22</v>
      </c>
      <c r="C10" s="62" t="s">
        <v>23</v>
      </c>
      <c r="D10" s="67">
        <v>1</v>
      </c>
      <c r="E10" s="40">
        <v>20</v>
      </c>
      <c r="F10" s="40">
        <v>80</v>
      </c>
      <c r="G10" s="68" t="s">
        <v>84</v>
      </c>
      <c r="H10" s="40" t="s">
        <v>96</v>
      </c>
      <c r="I10" s="65" t="s">
        <v>104</v>
      </c>
      <c r="J10" s="66">
        <v>43277</v>
      </c>
    </row>
    <row r="11" spans="1:11" ht="68.25" customHeight="1" x14ac:dyDescent="0.25">
      <c r="A11" s="69" t="s">
        <v>24</v>
      </c>
      <c r="B11" s="70" t="s">
        <v>25</v>
      </c>
      <c r="C11" s="69" t="s">
        <v>26</v>
      </c>
      <c r="D11" s="71">
        <v>1</v>
      </c>
      <c r="E11" s="72">
        <v>20</v>
      </c>
      <c r="F11" s="72">
        <v>80</v>
      </c>
      <c r="G11" s="73">
        <v>35392500</v>
      </c>
      <c r="H11" s="72" t="s">
        <v>87</v>
      </c>
      <c r="I11" s="74" t="s">
        <v>86</v>
      </c>
      <c r="J11" s="75">
        <v>43283</v>
      </c>
    </row>
    <row r="12" spans="1:11" ht="25.5" x14ac:dyDescent="0.25">
      <c r="A12" s="69" t="s">
        <v>27</v>
      </c>
      <c r="B12" s="70" t="s">
        <v>28</v>
      </c>
      <c r="C12" s="69" t="s">
        <v>29</v>
      </c>
      <c r="D12" s="71"/>
      <c r="E12" s="72"/>
      <c r="F12" s="72"/>
      <c r="G12" s="72"/>
      <c r="H12" s="72"/>
      <c r="I12" s="72"/>
      <c r="J12" s="72"/>
      <c r="K12" s="5"/>
    </row>
    <row r="13" spans="1:11" ht="25.5" x14ac:dyDescent="0.25">
      <c r="A13" s="69" t="s">
        <v>30</v>
      </c>
      <c r="B13" s="70" t="s">
        <v>31</v>
      </c>
      <c r="C13" s="69" t="s">
        <v>32</v>
      </c>
      <c r="D13" s="71"/>
      <c r="E13" s="72"/>
      <c r="F13" s="72"/>
      <c r="G13" s="72"/>
      <c r="H13" s="72"/>
      <c r="I13" s="72"/>
      <c r="J13" s="72"/>
      <c r="K13" s="5"/>
    </row>
    <row r="14" spans="1:11" ht="38.25" x14ac:dyDescent="0.25">
      <c r="A14" s="69" t="s">
        <v>33</v>
      </c>
      <c r="B14" s="70" t="s">
        <v>34</v>
      </c>
      <c r="C14" s="69" t="s">
        <v>35</v>
      </c>
      <c r="D14" s="71"/>
      <c r="E14" s="72"/>
      <c r="F14" s="72"/>
      <c r="G14" s="72"/>
      <c r="H14" s="72"/>
      <c r="I14" s="72"/>
      <c r="J14" s="72"/>
      <c r="K14" s="5"/>
    </row>
    <row r="15" spans="1:11" ht="39" customHeight="1" x14ac:dyDescent="0.25">
      <c r="A15" s="389" t="s">
        <v>36</v>
      </c>
      <c r="B15" s="388" t="s">
        <v>37</v>
      </c>
      <c r="C15" s="76" t="s">
        <v>61</v>
      </c>
      <c r="D15" s="72" t="s">
        <v>62</v>
      </c>
      <c r="E15" s="72">
        <v>12</v>
      </c>
      <c r="F15" s="387" t="s">
        <v>84</v>
      </c>
      <c r="G15" s="387" t="s">
        <v>84</v>
      </c>
      <c r="H15" s="387" t="s">
        <v>85</v>
      </c>
      <c r="I15" s="74" t="s">
        <v>150</v>
      </c>
      <c r="J15" s="386">
        <v>43466</v>
      </c>
      <c r="K15" s="5"/>
    </row>
    <row r="16" spans="1:11" ht="39" customHeight="1" x14ac:dyDescent="0.25">
      <c r="A16" s="389"/>
      <c r="B16" s="388"/>
      <c r="C16" s="76" t="s">
        <v>63</v>
      </c>
      <c r="D16" s="72">
        <v>1</v>
      </c>
      <c r="E16" s="72">
        <v>20</v>
      </c>
      <c r="F16" s="387"/>
      <c r="G16" s="387"/>
      <c r="H16" s="387"/>
      <c r="I16" s="72" t="s">
        <v>134</v>
      </c>
      <c r="J16" s="387"/>
      <c r="K16" s="5"/>
    </row>
    <row r="17" spans="1:11" ht="39" customHeight="1" x14ac:dyDescent="0.25">
      <c r="A17" s="389"/>
      <c r="B17" s="388"/>
      <c r="C17" s="76" t="s">
        <v>64</v>
      </c>
      <c r="D17" s="72">
        <v>3</v>
      </c>
      <c r="E17" s="72">
        <v>20</v>
      </c>
      <c r="F17" s="387"/>
      <c r="G17" s="387"/>
      <c r="H17" s="387"/>
      <c r="I17" s="74" t="s">
        <v>97</v>
      </c>
      <c r="J17" s="387"/>
      <c r="K17" s="5"/>
    </row>
    <row r="18" spans="1:11" ht="147" customHeight="1" x14ac:dyDescent="0.25">
      <c r="A18" s="389"/>
      <c r="B18" s="388"/>
      <c r="C18" s="76" t="s">
        <v>65</v>
      </c>
      <c r="D18" s="72">
        <v>2</v>
      </c>
      <c r="E18" s="72">
        <v>18</v>
      </c>
      <c r="F18" s="387"/>
      <c r="G18" s="387"/>
      <c r="H18" s="387"/>
      <c r="I18" s="74" t="s">
        <v>140</v>
      </c>
      <c r="J18" s="387"/>
      <c r="K18" s="5"/>
    </row>
    <row r="19" spans="1:11" ht="64.5" customHeight="1" x14ac:dyDescent="0.25">
      <c r="A19" s="389"/>
      <c r="B19" s="388"/>
      <c r="C19" s="76" t="s">
        <v>66</v>
      </c>
      <c r="D19" s="72">
        <v>2</v>
      </c>
      <c r="E19" s="72">
        <v>18</v>
      </c>
      <c r="F19" s="387"/>
      <c r="G19" s="387"/>
      <c r="H19" s="387"/>
      <c r="I19" s="74" t="s">
        <v>135</v>
      </c>
      <c r="J19" s="387"/>
      <c r="K19" s="5"/>
    </row>
    <row r="20" spans="1:11" ht="86.25" customHeight="1" x14ac:dyDescent="0.25">
      <c r="A20" s="389"/>
      <c r="B20" s="388"/>
      <c r="C20" s="76" t="s">
        <v>67</v>
      </c>
      <c r="D20" s="72">
        <v>3</v>
      </c>
      <c r="E20" s="72">
        <v>14</v>
      </c>
      <c r="F20" s="387"/>
      <c r="G20" s="387"/>
      <c r="H20" s="387"/>
      <c r="I20" s="74" t="s">
        <v>149</v>
      </c>
      <c r="J20" s="387"/>
      <c r="K20" s="5"/>
    </row>
    <row r="21" spans="1:11" ht="69.75" customHeight="1" x14ac:dyDescent="0.25">
      <c r="A21" s="389"/>
      <c r="B21" s="388"/>
      <c r="C21" s="76" t="s">
        <v>68</v>
      </c>
      <c r="D21" s="72">
        <v>2</v>
      </c>
      <c r="E21" s="72">
        <v>18</v>
      </c>
      <c r="F21" s="387"/>
      <c r="G21" s="387"/>
      <c r="H21" s="387"/>
      <c r="I21" s="74" t="s">
        <v>133</v>
      </c>
      <c r="J21" s="387"/>
      <c r="K21" s="5"/>
    </row>
    <row r="22" spans="1:11" ht="69.75" customHeight="1" x14ac:dyDescent="0.25">
      <c r="A22" s="389"/>
      <c r="B22" s="388"/>
      <c r="C22" s="76" t="s">
        <v>69</v>
      </c>
      <c r="D22" s="72" t="s">
        <v>62</v>
      </c>
      <c r="E22" s="72">
        <v>12</v>
      </c>
      <c r="F22" s="387"/>
      <c r="G22" s="387"/>
      <c r="H22" s="387"/>
      <c r="I22" s="74" t="s">
        <v>139</v>
      </c>
      <c r="J22" s="387"/>
      <c r="K22" s="5" t="s">
        <v>38</v>
      </c>
    </row>
    <row r="23" spans="1:11" ht="63" customHeight="1" x14ac:dyDescent="0.25">
      <c r="A23" s="389"/>
      <c r="B23" s="388"/>
      <c r="C23" s="76" t="s">
        <v>70</v>
      </c>
      <c r="D23" s="72">
        <v>1</v>
      </c>
      <c r="E23" s="72">
        <v>20</v>
      </c>
      <c r="F23" s="387"/>
      <c r="G23" s="387"/>
      <c r="H23" s="387"/>
      <c r="I23" s="74" t="s">
        <v>136</v>
      </c>
      <c r="J23" s="387"/>
    </row>
    <row r="24" spans="1:11" ht="39" customHeight="1" x14ac:dyDescent="0.25">
      <c r="A24" s="389"/>
      <c r="B24" s="388"/>
      <c r="C24" s="76" t="s">
        <v>71</v>
      </c>
      <c r="D24" s="72">
        <v>1</v>
      </c>
      <c r="E24" s="72">
        <v>20</v>
      </c>
      <c r="F24" s="387"/>
      <c r="G24" s="387"/>
      <c r="H24" s="387"/>
      <c r="I24" s="74" t="s">
        <v>137</v>
      </c>
      <c r="J24" s="387"/>
    </row>
    <row r="25" spans="1:11" ht="39" customHeight="1" x14ac:dyDescent="0.25">
      <c r="A25" s="389"/>
      <c r="B25" s="388"/>
      <c r="C25" s="76" t="s">
        <v>72</v>
      </c>
      <c r="D25" s="72">
        <v>1</v>
      </c>
      <c r="E25" s="72">
        <v>20</v>
      </c>
      <c r="F25" s="387"/>
      <c r="G25" s="387"/>
      <c r="H25" s="387"/>
      <c r="I25" s="74" t="s">
        <v>138</v>
      </c>
      <c r="J25" s="387"/>
    </row>
    <row r="26" spans="1:11" ht="39" customHeight="1" x14ac:dyDescent="0.25">
      <c r="A26" s="389"/>
      <c r="B26" s="388"/>
      <c r="C26" s="76" t="s">
        <v>73</v>
      </c>
      <c r="D26" s="72">
        <v>3</v>
      </c>
      <c r="E26" s="72">
        <v>14</v>
      </c>
      <c r="F26" s="387"/>
      <c r="G26" s="387"/>
      <c r="H26" s="387"/>
      <c r="I26" s="74" t="s">
        <v>141</v>
      </c>
      <c r="J26" s="387"/>
    </row>
    <row r="27" spans="1:11" ht="77.25" customHeight="1" x14ac:dyDescent="0.25">
      <c r="A27" s="389"/>
      <c r="B27" s="388"/>
      <c r="C27" s="77" t="s">
        <v>74</v>
      </c>
      <c r="D27" s="72" t="s">
        <v>75</v>
      </c>
      <c r="E27" s="72">
        <v>0</v>
      </c>
      <c r="F27" s="387"/>
      <c r="G27" s="387"/>
      <c r="H27" s="387"/>
      <c r="I27" s="74" t="s">
        <v>142</v>
      </c>
      <c r="J27" s="387"/>
    </row>
    <row r="28" spans="1:11" ht="85.5" customHeight="1" x14ac:dyDescent="0.25">
      <c r="A28" s="389"/>
      <c r="B28" s="388"/>
      <c r="C28" s="77" t="s">
        <v>76</v>
      </c>
      <c r="D28" s="72">
        <v>1</v>
      </c>
      <c r="E28" s="72">
        <v>20</v>
      </c>
      <c r="F28" s="387"/>
      <c r="G28" s="387"/>
      <c r="H28" s="387"/>
      <c r="I28" s="74" t="s">
        <v>143</v>
      </c>
      <c r="J28" s="387"/>
    </row>
    <row r="29" spans="1:11" ht="39" customHeight="1" x14ac:dyDescent="0.25">
      <c r="A29" s="389"/>
      <c r="B29" s="388"/>
      <c r="C29" s="77" t="s">
        <v>77</v>
      </c>
      <c r="D29" s="72">
        <v>2</v>
      </c>
      <c r="E29" s="72">
        <v>18</v>
      </c>
      <c r="F29" s="387"/>
      <c r="G29" s="387"/>
      <c r="H29" s="387"/>
      <c r="I29" s="74" t="s">
        <v>144</v>
      </c>
      <c r="J29" s="387"/>
    </row>
    <row r="30" spans="1:11" ht="39" customHeight="1" x14ac:dyDescent="0.25">
      <c r="A30" s="389"/>
      <c r="B30" s="388"/>
      <c r="C30" s="77" t="s">
        <v>78</v>
      </c>
      <c r="D30" s="72">
        <v>1</v>
      </c>
      <c r="E30" s="72">
        <v>20</v>
      </c>
      <c r="F30" s="387"/>
      <c r="G30" s="387"/>
      <c r="H30" s="387"/>
      <c r="I30" s="74" t="s">
        <v>132</v>
      </c>
      <c r="J30" s="387"/>
    </row>
    <row r="31" spans="1:11" ht="98.25" customHeight="1" x14ac:dyDescent="0.25">
      <c r="A31" s="389"/>
      <c r="B31" s="388"/>
      <c r="C31" s="77" t="s">
        <v>79</v>
      </c>
      <c r="D31" s="72">
        <v>2</v>
      </c>
      <c r="E31" s="72">
        <v>18</v>
      </c>
      <c r="F31" s="387"/>
      <c r="G31" s="387"/>
      <c r="H31" s="387"/>
      <c r="I31" s="74" t="s">
        <v>145</v>
      </c>
      <c r="J31" s="387"/>
    </row>
    <row r="32" spans="1:11" ht="65.25" customHeight="1" x14ac:dyDescent="0.25">
      <c r="A32" s="389"/>
      <c r="B32" s="388"/>
      <c r="C32" s="77" t="s">
        <v>80</v>
      </c>
      <c r="D32" s="72">
        <v>2</v>
      </c>
      <c r="E32" s="72">
        <v>18</v>
      </c>
      <c r="F32" s="387"/>
      <c r="G32" s="387"/>
      <c r="H32" s="387"/>
      <c r="I32" s="74" t="s">
        <v>146</v>
      </c>
      <c r="J32" s="387"/>
    </row>
    <row r="33" spans="1:11" ht="94.5" customHeight="1" x14ac:dyDescent="0.25">
      <c r="A33" s="389"/>
      <c r="B33" s="388"/>
      <c r="C33" s="77" t="s">
        <v>81</v>
      </c>
      <c r="D33" s="72">
        <v>2</v>
      </c>
      <c r="E33" s="72">
        <v>18</v>
      </c>
      <c r="F33" s="387"/>
      <c r="G33" s="387"/>
      <c r="H33" s="387"/>
      <c r="I33" s="74" t="s">
        <v>147</v>
      </c>
      <c r="J33" s="387"/>
    </row>
    <row r="34" spans="1:11" ht="204.75" customHeight="1" x14ac:dyDescent="0.25">
      <c r="A34" s="389"/>
      <c r="B34" s="388"/>
      <c r="C34" s="77" t="s">
        <v>82</v>
      </c>
      <c r="D34" s="72">
        <v>2</v>
      </c>
      <c r="E34" s="72">
        <v>18</v>
      </c>
      <c r="F34" s="387"/>
      <c r="G34" s="387"/>
      <c r="H34" s="387"/>
      <c r="I34" s="74" t="s">
        <v>148</v>
      </c>
      <c r="J34" s="387"/>
    </row>
    <row r="35" spans="1:11" ht="70.5" customHeight="1" x14ac:dyDescent="0.25">
      <c r="A35" s="62" t="s">
        <v>41</v>
      </c>
      <c r="B35" s="62" t="s">
        <v>39</v>
      </c>
      <c r="C35" s="62" t="s">
        <v>40</v>
      </c>
      <c r="D35" s="67">
        <v>2</v>
      </c>
      <c r="E35" s="40">
        <v>18</v>
      </c>
      <c r="F35" s="40">
        <v>80</v>
      </c>
      <c r="G35" s="68">
        <v>2998162.59</v>
      </c>
      <c r="H35" s="40" t="s">
        <v>98</v>
      </c>
      <c r="I35" s="65" t="s">
        <v>99</v>
      </c>
      <c r="J35" s="66">
        <v>43371</v>
      </c>
      <c r="K35" s="5"/>
    </row>
    <row r="36" spans="1:11" ht="89.25" x14ac:dyDescent="0.25">
      <c r="A36" s="62" t="s">
        <v>42</v>
      </c>
      <c r="B36" s="62" t="s">
        <v>43</v>
      </c>
      <c r="C36" s="62" t="s">
        <v>44</v>
      </c>
      <c r="D36" s="65">
        <v>1</v>
      </c>
      <c r="E36" s="40">
        <v>20</v>
      </c>
      <c r="F36" s="40">
        <v>64.37</v>
      </c>
      <c r="G36" s="68">
        <v>2046195</v>
      </c>
      <c r="H36" s="40" t="s">
        <v>151</v>
      </c>
      <c r="I36" s="65" t="s">
        <v>152</v>
      </c>
      <c r="J36" s="66">
        <v>43360</v>
      </c>
      <c r="K36" s="5"/>
    </row>
    <row r="37" spans="1:11" ht="51" x14ac:dyDescent="0.25">
      <c r="A37" s="69" t="s">
        <v>45</v>
      </c>
      <c r="B37" s="70" t="s">
        <v>46</v>
      </c>
      <c r="C37" s="70" t="s">
        <v>47</v>
      </c>
      <c r="D37" s="78"/>
      <c r="E37" s="72"/>
      <c r="F37" s="72"/>
      <c r="G37" s="72"/>
      <c r="H37" s="72"/>
      <c r="I37" s="72"/>
      <c r="J37" s="72"/>
      <c r="K37" s="5"/>
    </row>
    <row r="38" spans="1:11" ht="25.5" x14ac:dyDescent="0.25">
      <c r="A38" s="69" t="s">
        <v>49</v>
      </c>
      <c r="B38" s="70" t="s">
        <v>50</v>
      </c>
      <c r="C38" s="70" t="s">
        <v>48</v>
      </c>
      <c r="D38" s="78"/>
      <c r="E38" s="72"/>
      <c r="F38" s="72"/>
      <c r="G38" s="72"/>
      <c r="H38" s="72"/>
      <c r="I38" s="72"/>
      <c r="J38" s="72"/>
      <c r="K38" s="5"/>
    </row>
    <row r="39" spans="1:11" ht="38.25" x14ac:dyDescent="0.25">
      <c r="A39" s="69" t="s">
        <v>51</v>
      </c>
      <c r="B39" s="70" t="s">
        <v>52</v>
      </c>
      <c r="C39" s="70" t="s">
        <v>53</v>
      </c>
      <c r="D39" s="78"/>
      <c r="E39" s="72"/>
      <c r="F39" s="72"/>
      <c r="G39" s="72"/>
      <c r="H39" s="72"/>
      <c r="I39" s="72"/>
      <c r="J39" s="72"/>
      <c r="K39" s="5"/>
    </row>
    <row r="40" spans="1:11" x14ac:dyDescent="0.25">
      <c r="A40" s="356" t="s">
        <v>158</v>
      </c>
      <c r="B40" s="356" t="s">
        <v>159</v>
      </c>
      <c r="C40" s="356" t="s">
        <v>160</v>
      </c>
      <c r="D40" s="357">
        <v>3</v>
      </c>
      <c r="E40" s="357">
        <v>6</v>
      </c>
      <c r="F40" s="357">
        <v>90</v>
      </c>
      <c r="G40" s="357" t="s">
        <v>172</v>
      </c>
      <c r="H40" s="357" t="s">
        <v>102</v>
      </c>
      <c r="I40" s="65" t="s">
        <v>161</v>
      </c>
      <c r="J40" s="360">
        <v>43672</v>
      </c>
    </row>
    <row r="41" spans="1:11" x14ac:dyDescent="0.25">
      <c r="A41" s="356"/>
      <c r="B41" s="356"/>
      <c r="C41" s="356"/>
      <c r="D41" s="357"/>
      <c r="E41" s="357"/>
      <c r="F41" s="357"/>
      <c r="G41" s="357"/>
      <c r="H41" s="357"/>
      <c r="I41" s="65" t="s">
        <v>162</v>
      </c>
      <c r="J41" s="357"/>
    </row>
    <row r="42" spans="1:11" x14ac:dyDescent="0.25">
      <c r="A42" s="356"/>
      <c r="B42" s="356"/>
      <c r="C42" s="356"/>
      <c r="D42" s="357"/>
      <c r="E42" s="357"/>
      <c r="F42" s="357"/>
      <c r="G42" s="357"/>
      <c r="H42" s="357"/>
      <c r="I42" s="65" t="s">
        <v>163</v>
      </c>
      <c r="J42" s="357"/>
    </row>
    <row r="43" spans="1:11" x14ac:dyDescent="0.25">
      <c r="A43" s="356"/>
      <c r="B43" s="356"/>
      <c r="C43" s="356"/>
      <c r="D43" s="357"/>
      <c r="E43" s="357"/>
      <c r="F43" s="357"/>
      <c r="G43" s="357"/>
      <c r="H43" s="357"/>
      <c r="I43" s="65" t="s">
        <v>164</v>
      </c>
      <c r="J43" s="357"/>
    </row>
    <row r="44" spans="1:11" x14ac:dyDescent="0.25">
      <c r="A44" s="356"/>
      <c r="B44" s="356"/>
      <c r="C44" s="356"/>
      <c r="D44" s="357"/>
      <c r="E44" s="357"/>
      <c r="F44" s="357"/>
      <c r="G44" s="357"/>
      <c r="H44" s="357"/>
      <c r="I44" s="65" t="s">
        <v>165</v>
      </c>
      <c r="J44" s="357"/>
    </row>
    <row r="45" spans="1:11" x14ac:dyDescent="0.25">
      <c r="A45" s="356"/>
      <c r="B45" s="356"/>
      <c r="C45" s="356"/>
      <c r="D45" s="357"/>
      <c r="E45" s="357"/>
      <c r="F45" s="357"/>
      <c r="G45" s="357"/>
      <c r="H45" s="357"/>
      <c r="I45" s="65" t="s">
        <v>166</v>
      </c>
      <c r="J45" s="357"/>
    </row>
    <row r="46" spans="1:11" x14ac:dyDescent="0.25">
      <c r="A46" s="356" t="s">
        <v>173</v>
      </c>
      <c r="B46" s="356" t="s">
        <v>174</v>
      </c>
      <c r="C46" s="356" t="s">
        <v>175</v>
      </c>
      <c r="D46" s="357">
        <v>2</v>
      </c>
      <c r="E46" s="357">
        <v>18</v>
      </c>
      <c r="F46" s="357">
        <v>80</v>
      </c>
      <c r="G46" s="370">
        <v>392912.8</v>
      </c>
      <c r="H46" s="357" t="s">
        <v>176</v>
      </c>
      <c r="I46" s="65"/>
      <c r="J46" s="360">
        <v>43670</v>
      </c>
    </row>
    <row r="47" spans="1:11" x14ac:dyDescent="0.25">
      <c r="A47" s="356"/>
      <c r="B47" s="356"/>
      <c r="C47" s="356"/>
      <c r="D47" s="357"/>
      <c r="E47" s="357"/>
      <c r="F47" s="357"/>
      <c r="G47" s="357"/>
      <c r="H47" s="357"/>
      <c r="I47" s="65"/>
      <c r="J47" s="357"/>
    </row>
    <row r="48" spans="1:11" x14ac:dyDescent="0.25">
      <c r="A48" s="356"/>
      <c r="B48" s="356"/>
      <c r="C48" s="356"/>
      <c r="D48" s="357"/>
      <c r="E48" s="357"/>
      <c r="F48" s="357"/>
      <c r="G48" s="357"/>
      <c r="H48" s="357"/>
      <c r="I48" s="65" t="s">
        <v>177</v>
      </c>
      <c r="J48" s="357"/>
    </row>
    <row r="49" spans="1:10" x14ac:dyDescent="0.25">
      <c r="A49" s="356"/>
      <c r="B49" s="356"/>
      <c r="C49" s="356"/>
      <c r="D49" s="357"/>
      <c r="E49" s="357"/>
      <c r="F49" s="357"/>
      <c r="G49" s="357"/>
      <c r="H49" s="357"/>
      <c r="I49" s="65" t="s">
        <v>178</v>
      </c>
      <c r="J49" s="357"/>
    </row>
    <row r="50" spans="1:10" x14ac:dyDescent="0.25">
      <c r="A50" s="356"/>
      <c r="B50" s="356"/>
      <c r="C50" s="356"/>
      <c r="D50" s="357"/>
      <c r="E50" s="357"/>
      <c r="F50" s="357"/>
      <c r="G50" s="357"/>
      <c r="H50" s="357"/>
      <c r="I50" s="65"/>
      <c r="J50" s="357"/>
    </row>
    <row r="51" spans="1:10" x14ac:dyDescent="0.25">
      <c r="A51" s="356"/>
      <c r="B51" s="356"/>
      <c r="C51" s="356"/>
      <c r="D51" s="357"/>
      <c r="E51" s="357"/>
      <c r="F51" s="357"/>
      <c r="G51" s="357"/>
      <c r="H51" s="357"/>
      <c r="I51" s="65"/>
      <c r="J51" s="357"/>
    </row>
    <row r="52" spans="1:10" ht="357" x14ac:dyDescent="0.25">
      <c r="A52" s="79" t="s">
        <v>187</v>
      </c>
      <c r="B52" s="79" t="s">
        <v>188</v>
      </c>
      <c r="C52" s="80" t="s">
        <v>189</v>
      </c>
      <c r="D52" s="81" t="s">
        <v>190</v>
      </c>
      <c r="E52" s="40">
        <v>20</v>
      </c>
      <c r="F52" s="40" t="s">
        <v>191</v>
      </c>
      <c r="G52" s="82" t="s">
        <v>192</v>
      </c>
      <c r="H52" s="40" t="s">
        <v>87</v>
      </c>
      <c r="I52" s="81" t="s">
        <v>193</v>
      </c>
      <c r="J52" s="66">
        <v>43727</v>
      </c>
    </row>
    <row r="53" spans="1:10" x14ac:dyDescent="0.25">
      <c r="A53" s="356" t="s">
        <v>179</v>
      </c>
      <c r="B53" s="356" t="s">
        <v>198</v>
      </c>
      <c r="C53" s="356" t="s">
        <v>175</v>
      </c>
      <c r="D53" s="357">
        <v>2</v>
      </c>
      <c r="E53" s="357">
        <v>18</v>
      </c>
      <c r="F53" s="357">
        <v>80</v>
      </c>
      <c r="G53" s="357"/>
      <c r="H53" s="357" t="s">
        <v>199</v>
      </c>
      <c r="I53" s="82" t="s">
        <v>200</v>
      </c>
      <c r="J53" s="360">
        <v>43672</v>
      </c>
    </row>
    <row r="54" spans="1:10" x14ac:dyDescent="0.25">
      <c r="A54" s="356"/>
      <c r="B54" s="356"/>
      <c r="C54" s="356"/>
      <c r="D54" s="357"/>
      <c r="E54" s="357"/>
      <c r="F54" s="357"/>
      <c r="G54" s="357"/>
      <c r="H54" s="357"/>
      <c r="I54" s="82"/>
      <c r="J54" s="360"/>
    </row>
    <row r="55" spans="1:10" x14ac:dyDescent="0.25">
      <c r="A55" s="356"/>
      <c r="B55" s="356"/>
      <c r="C55" s="356"/>
      <c r="D55" s="357"/>
      <c r="E55" s="357"/>
      <c r="F55" s="357"/>
      <c r="G55" s="357"/>
      <c r="H55" s="357"/>
      <c r="I55" s="82" t="s">
        <v>178</v>
      </c>
      <c r="J55" s="360"/>
    </row>
    <row r="56" spans="1:10" x14ac:dyDescent="0.25">
      <c r="A56" s="38" t="s">
        <v>203</v>
      </c>
      <c r="B56" s="356" t="s">
        <v>205</v>
      </c>
      <c r="C56" s="356" t="s">
        <v>206</v>
      </c>
      <c r="D56" s="357">
        <v>2</v>
      </c>
      <c r="E56" s="367" t="s">
        <v>207</v>
      </c>
      <c r="F56" s="367" t="s">
        <v>207</v>
      </c>
      <c r="G56" s="82" t="s">
        <v>208</v>
      </c>
      <c r="H56" s="357" t="s">
        <v>210</v>
      </c>
      <c r="I56" s="82" t="s">
        <v>211</v>
      </c>
      <c r="J56" s="360">
        <v>43770</v>
      </c>
    </row>
    <row r="57" spans="1:10" ht="25.5" x14ac:dyDescent="0.25">
      <c r="A57" s="82" t="s">
        <v>204</v>
      </c>
      <c r="B57" s="356"/>
      <c r="C57" s="356"/>
      <c r="D57" s="357"/>
      <c r="E57" s="367"/>
      <c r="F57" s="367"/>
      <c r="G57" s="82" t="s">
        <v>209</v>
      </c>
      <c r="H57" s="357"/>
      <c r="I57" s="82" t="s">
        <v>212</v>
      </c>
      <c r="J57" s="360"/>
    </row>
    <row r="58" spans="1:10" x14ac:dyDescent="0.25">
      <c r="A58" s="36"/>
      <c r="B58" s="356"/>
      <c r="C58" s="356"/>
      <c r="D58" s="357"/>
      <c r="E58" s="367"/>
      <c r="F58" s="367"/>
      <c r="G58" s="82"/>
      <c r="H58" s="357"/>
      <c r="I58" s="82" t="s">
        <v>213</v>
      </c>
      <c r="J58" s="360"/>
    </row>
    <row r="59" spans="1:10" ht="15" customHeight="1" x14ac:dyDescent="0.25">
      <c r="A59" s="38" t="s">
        <v>203</v>
      </c>
      <c r="B59" s="356" t="s">
        <v>205</v>
      </c>
      <c r="C59" s="356" t="s">
        <v>214</v>
      </c>
      <c r="D59" s="357">
        <v>1</v>
      </c>
      <c r="E59" s="367" t="s">
        <v>207</v>
      </c>
      <c r="F59" s="367" t="s">
        <v>207</v>
      </c>
      <c r="G59" s="82" t="s">
        <v>215</v>
      </c>
      <c r="H59" s="357" t="s">
        <v>217</v>
      </c>
      <c r="I59" s="369" t="s">
        <v>242</v>
      </c>
      <c r="J59" s="360">
        <v>43770</v>
      </c>
    </row>
    <row r="60" spans="1:10" ht="25.5" x14ac:dyDescent="0.25">
      <c r="A60" s="82" t="s">
        <v>204</v>
      </c>
      <c r="B60" s="356"/>
      <c r="C60" s="356"/>
      <c r="D60" s="357"/>
      <c r="E60" s="367"/>
      <c r="F60" s="367"/>
      <c r="G60" s="82" t="s">
        <v>216</v>
      </c>
      <c r="H60" s="357"/>
      <c r="I60" s="369"/>
      <c r="J60" s="360"/>
    </row>
    <row r="61" spans="1:10" ht="15" hidden="1" customHeight="1" x14ac:dyDescent="0.25">
      <c r="A61" s="38" t="s">
        <v>203</v>
      </c>
      <c r="B61" s="356"/>
      <c r="C61" s="356"/>
      <c r="D61" s="357"/>
      <c r="E61" s="367"/>
      <c r="F61" s="367"/>
      <c r="G61" s="36"/>
      <c r="H61" s="357"/>
      <c r="I61" s="82" t="s">
        <v>218</v>
      </c>
      <c r="J61" s="360"/>
    </row>
    <row r="62" spans="1:10" ht="9" hidden="1" customHeight="1" x14ac:dyDescent="0.25">
      <c r="A62" s="82" t="s">
        <v>204</v>
      </c>
      <c r="B62" s="356"/>
      <c r="C62" s="356"/>
      <c r="D62" s="357"/>
      <c r="E62" s="367"/>
      <c r="F62" s="367"/>
      <c r="G62" s="36"/>
      <c r="H62" s="357"/>
      <c r="I62" s="82" t="s">
        <v>219</v>
      </c>
      <c r="J62" s="360"/>
    </row>
    <row r="63" spans="1:10" ht="15" hidden="1" customHeight="1" x14ac:dyDescent="0.25">
      <c r="A63" s="38" t="s">
        <v>203</v>
      </c>
      <c r="B63" s="356"/>
      <c r="C63" s="356"/>
      <c r="D63" s="357"/>
      <c r="E63" s="367"/>
      <c r="F63" s="367"/>
      <c r="G63" s="36"/>
      <c r="H63" s="357"/>
      <c r="I63" s="38" t="s">
        <v>220</v>
      </c>
      <c r="J63" s="360"/>
    </row>
    <row r="64" spans="1:10" ht="15.75" hidden="1" customHeight="1" thickBot="1" x14ac:dyDescent="0.3">
      <c r="A64" s="82" t="s">
        <v>204</v>
      </c>
      <c r="B64" s="356"/>
      <c r="C64" s="356"/>
      <c r="D64" s="357"/>
      <c r="E64" s="367"/>
      <c r="F64" s="367"/>
      <c r="G64" s="36"/>
      <c r="H64" s="357"/>
      <c r="I64" s="38" t="s">
        <v>221</v>
      </c>
      <c r="J64" s="360"/>
    </row>
    <row r="65" spans="1:10" ht="42" customHeight="1" x14ac:dyDescent="0.25">
      <c r="A65" s="38" t="s">
        <v>203</v>
      </c>
      <c r="B65" s="356" t="s">
        <v>205</v>
      </c>
      <c r="C65" s="38" t="s">
        <v>225</v>
      </c>
      <c r="D65" s="65">
        <v>1</v>
      </c>
      <c r="E65" s="82" t="s">
        <v>207</v>
      </c>
      <c r="F65" s="82" t="s">
        <v>207</v>
      </c>
      <c r="G65" s="82" t="s">
        <v>222</v>
      </c>
      <c r="H65" s="65" t="s">
        <v>217</v>
      </c>
      <c r="I65" s="82" t="s">
        <v>224</v>
      </c>
      <c r="J65" s="83">
        <v>43770</v>
      </c>
    </row>
    <row r="66" spans="1:10" ht="15.75" hidden="1" customHeight="1" x14ac:dyDescent="0.25">
      <c r="A66" s="82" t="s">
        <v>204</v>
      </c>
      <c r="B66" s="356"/>
      <c r="C66" s="82"/>
      <c r="D66" s="65"/>
      <c r="E66" s="82"/>
      <c r="F66" s="82"/>
      <c r="G66" s="82" t="s">
        <v>223</v>
      </c>
      <c r="H66" s="82"/>
      <c r="I66" s="82"/>
      <c r="J66" s="84"/>
    </row>
    <row r="67" spans="1:10" ht="15.75" hidden="1" customHeight="1" thickBot="1" x14ac:dyDescent="0.3">
      <c r="A67" s="85"/>
      <c r="B67" s="356"/>
      <c r="C67" s="36"/>
      <c r="D67" s="65"/>
      <c r="E67" s="82"/>
      <c r="F67" s="82"/>
      <c r="G67" s="82"/>
      <c r="H67" s="82"/>
      <c r="I67" s="82"/>
      <c r="J67" s="84"/>
    </row>
    <row r="68" spans="1:10" ht="51" customHeight="1" x14ac:dyDescent="0.25">
      <c r="A68" s="38" t="s">
        <v>231</v>
      </c>
      <c r="B68" s="38" t="s">
        <v>232</v>
      </c>
      <c r="C68" s="38" t="s">
        <v>233</v>
      </c>
      <c r="D68" s="65">
        <v>2</v>
      </c>
      <c r="E68" s="65">
        <v>18</v>
      </c>
      <c r="F68" s="65">
        <v>80</v>
      </c>
      <c r="G68" s="82"/>
      <c r="H68" s="65" t="s">
        <v>236</v>
      </c>
      <c r="I68" s="82" t="s">
        <v>240</v>
      </c>
      <c r="J68" s="65" t="s">
        <v>237</v>
      </c>
    </row>
    <row r="69" spans="1:10" ht="51.75" customHeight="1" x14ac:dyDescent="0.25">
      <c r="A69" s="38" t="s">
        <v>231</v>
      </c>
      <c r="B69" s="38" t="s">
        <v>232</v>
      </c>
      <c r="C69" s="38" t="s">
        <v>234</v>
      </c>
      <c r="D69" s="65">
        <v>1</v>
      </c>
      <c r="E69" s="65">
        <v>20</v>
      </c>
      <c r="F69" s="65">
        <v>80</v>
      </c>
      <c r="G69" s="82"/>
      <c r="H69" s="65" t="s">
        <v>238</v>
      </c>
      <c r="I69" s="82" t="s">
        <v>239</v>
      </c>
      <c r="J69" s="65" t="s">
        <v>237</v>
      </c>
    </row>
    <row r="70" spans="1:10" ht="39.75" customHeight="1" x14ac:dyDescent="0.25">
      <c r="A70" s="38" t="s">
        <v>231</v>
      </c>
      <c r="B70" s="38" t="s">
        <v>232</v>
      </c>
      <c r="C70" s="38" t="s">
        <v>235</v>
      </c>
      <c r="D70" s="65">
        <v>1</v>
      </c>
      <c r="E70" s="65">
        <v>20</v>
      </c>
      <c r="F70" s="65">
        <v>80</v>
      </c>
      <c r="G70" s="82"/>
      <c r="H70" s="65" t="s">
        <v>238</v>
      </c>
      <c r="I70" s="82" t="s">
        <v>241</v>
      </c>
      <c r="J70" s="65" t="s">
        <v>237</v>
      </c>
    </row>
    <row r="71" spans="1:10" ht="16.5" customHeight="1" x14ac:dyDescent="0.25">
      <c r="A71" s="356" t="s">
        <v>260</v>
      </c>
      <c r="B71" s="356" t="s">
        <v>261</v>
      </c>
      <c r="C71" s="356" t="s">
        <v>262</v>
      </c>
      <c r="D71" s="357">
        <v>1</v>
      </c>
      <c r="E71" s="357">
        <v>20</v>
      </c>
      <c r="F71" s="357">
        <v>80</v>
      </c>
      <c r="G71" s="368">
        <v>33894503</v>
      </c>
      <c r="H71" s="357" t="s">
        <v>236</v>
      </c>
      <c r="I71" s="82" t="s">
        <v>263</v>
      </c>
      <c r="J71" s="360">
        <v>43810</v>
      </c>
    </row>
    <row r="72" spans="1:10" x14ac:dyDescent="0.25">
      <c r="A72" s="356"/>
      <c r="B72" s="356"/>
      <c r="C72" s="356"/>
      <c r="D72" s="357"/>
      <c r="E72" s="357"/>
      <c r="F72" s="357"/>
      <c r="G72" s="368"/>
      <c r="H72" s="357"/>
      <c r="I72" s="82" t="s">
        <v>264</v>
      </c>
      <c r="J72" s="360"/>
    </row>
    <row r="73" spans="1:10" x14ac:dyDescent="0.25">
      <c r="A73" s="356"/>
      <c r="B73" s="356"/>
      <c r="C73" s="356"/>
      <c r="D73" s="357"/>
      <c r="E73" s="357"/>
      <c r="F73" s="357"/>
      <c r="G73" s="368"/>
      <c r="H73" s="357"/>
      <c r="I73" s="82" t="s">
        <v>265</v>
      </c>
      <c r="J73" s="360"/>
    </row>
    <row r="74" spans="1:10" x14ac:dyDescent="0.25">
      <c r="A74" s="356"/>
      <c r="B74" s="356"/>
      <c r="C74" s="356"/>
      <c r="D74" s="357"/>
      <c r="E74" s="357"/>
      <c r="F74" s="357"/>
      <c r="G74" s="368"/>
      <c r="H74" s="357"/>
      <c r="I74" s="82" t="s">
        <v>266</v>
      </c>
      <c r="J74" s="360"/>
    </row>
    <row r="75" spans="1:10" x14ac:dyDescent="0.25">
      <c r="A75" s="356" t="s">
        <v>294</v>
      </c>
      <c r="B75" s="356" t="s">
        <v>295</v>
      </c>
      <c r="C75" s="356" t="s">
        <v>296</v>
      </c>
      <c r="D75" s="357">
        <v>1</v>
      </c>
      <c r="E75" s="357">
        <v>80</v>
      </c>
      <c r="F75" s="357">
        <v>20</v>
      </c>
      <c r="G75" s="368"/>
      <c r="H75" s="357" t="s">
        <v>297</v>
      </c>
      <c r="I75" s="86" t="s">
        <v>299</v>
      </c>
      <c r="J75" s="360">
        <v>43811</v>
      </c>
    </row>
    <row r="76" spans="1:10" x14ac:dyDescent="0.25">
      <c r="A76" s="356"/>
      <c r="B76" s="356"/>
      <c r="C76" s="356"/>
      <c r="D76" s="357"/>
      <c r="E76" s="357"/>
      <c r="F76" s="357"/>
      <c r="G76" s="369"/>
      <c r="H76" s="357"/>
      <c r="I76" s="86" t="s">
        <v>300</v>
      </c>
      <c r="J76" s="360"/>
    </row>
    <row r="77" spans="1:10" x14ac:dyDescent="0.25">
      <c r="A77" s="356"/>
      <c r="B77" s="356"/>
      <c r="C77" s="356"/>
      <c r="D77" s="357"/>
      <c r="E77" s="357"/>
      <c r="F77" s="357"/>
      <c r="G77" s="369"/>
      <c r="H77" s="357"/>
      <c r="I77" s="86" t="s">
        <v>301</v>
      </c>
      <c r="J77" s="360"/>
    </row>
    <row r="78" spans="1:10" x14ac:dyDescent="0.25">
      <c r="A78" s="356"/>
      <c r="B78" s="356"/>
      <c r="C78" s="356"/>
      <c r="D78" s="357"/>
      <c r="E78" s="357"/>
      <c r="F78" s="357"/>
      <c r="G78" s="369"/>
      <c r="H78" s="357"/>
      <c r="I78" s="86" t="s">
        <v>302</v>
      </c>
      <c r="J78" s="360"/>
    </row>
    <row r="79" spans="1:10" x14ac:dyDescent="0.25">
      <c r="A79" s="356"/>
      <c r="B79" s="356"/>
      <c r="C79" s="356"/>
      <c r="D79" s="357"/>
      <c r="E79" s="357"/>
      <c r="F79" s="357"/>
      <c r="G79" s="369"/>
      <c r="H79" s="357"/>
      <c r="I79" s="86" t="s">
        <v>303</v>
      </c>
      <c r="J79" s="360"/>
    </row>
    <row r="80" spans="1:10" x14ac:dyDescent="0.25">
      <c r="A80" s="356"/>
      <c r="B80" s="356"/>
      <c r="C80" s="356"/>
      <c r="D80" s="357"/>
      <c r="E80" s="357"/>
      <c r="F80" s="357"/>
      <c r="G80" s="369"/>
      <c r="H80" s="357"/>
      <c r="I80" s="86" t="s">
        <v>304</v>
      </c>
      <c r="J80" s="360"/>
    </row>
    <row r="81" spans="1:10" x14ac:dyDescent="0.25">
      <c r="A81" s="356"/>
      <c r="B81" s="356"/>
      <c r="C81" s="356"/>
      <c r="D81" s="357"/>
      <c r="E81" s="357"/>
      <c r="F81" s="357"/>
      <c r="G81" s="369"/>
      <c r="H81" s="357"/>
      <c r="I81" s="65" t="s">
        <v>305</v>
      </c>
      <c r="J81" s="360"/>
    </row>
    <row r="82" spans="1:10" x14ac:dyDescent="0.25">
      <c r="A82" s="356"/>
      <c r="B82" s="356"/>
      <c r="C82" s="356"/>
      <c r="D82" s="357"/>
      <c r="E82" s="357"/>
      <c r="F82" s="357"/>
      <c r="G82" s="369"/>
      <c r="H82" s="357"/>
      <c r="I82" s="86" t="s">
        <v>306</v>
      </c>
      <c r="J82" s="360"/>
    </row>
    <row r="83" spans="1:10" x14ac:dyDescent="0.25">
      <c r="A83" s="356"/>
      <c r="B83" s="356"/>
      <c r="C83" s="356"/>
      <c r="D83" s="357"/>
      <c r="E83" s="357"/>
      <c r="F83" s="357"/>
      <c r="G83" s="369"/>
      <c r="H83" s="357"/>
      <c r="I83" s="65" t="s">
        <v>307</v>
      </c>
      <c r="J83" s="360"/>
    </row>
    <row r="84" spans="1:10" x14ac:dyDescent="0.25">
      <c r="A84" s="356" t="s">
        <v>325</v>
      </c>
      <c r="B84" s="356" t="s">
        <v>326</v>
      </c>
      <c r="C84" s="356" t="s">
        <v>327</v>
      </c>
      <c r="D84" s="357">
        <v>2</v>
      </c>
      <c r="E84" s="357">
        <v>80</v>
      </c>
      <c r="F84" s="357">
        <v>18</v>
      </c>
      <c r="G84" s="367" t="s">
        <v>328</v>
      </c>
      <c r="H84" s="357" t="s">
        <v>334</v>
      </c>
      <c r="I84" s="82" t="s">
        <v>329</v>
      </c>
      <c r="J84" s="357" t="s">
        <v>333</v>
      </c>
    </row>
    <row r="85" spans="1:10" x14ac:dyDescent="0.25">
      <c r="A85" s="356"/>
      <c r="B85" s="356"/>
      <c r="C85" s="356"/>
      <c r="D85" s="357"/>
      <c r="E85" s="357"/>
      <c r="F85" s="357"/>
      <c r="G85" s="367"/>
      <c r="H85" s="357"/>
      <c r="I85" s="82" t="s">
        <v>330</v>
      </c>
      <c r="J85" s="357"/>
    </row>
    <row r="86" spans="1:10" x14ac:dyDescent="0.25">
      <c r="A86" s="356"/>
      <c r="B86" s="356"/>
      <c r="C86" s="356"/>
      <c r="D86" s="357"/>
      <c r="E86" s="357"/>
      <c r="F86" s="357"/>
      <c r="G86" s="367"/>
      <c r="H86" s="357"/>
      <c r="I86" s="82" t="s">
        <v>331</v>
      </c>
      <c r="J86" s="357"/>
    </row>
    <row r="87" spans="1:10" x14ac:dyDescent="0.25">
      <c r="A87" s="356"/>
      <c r="B87" s="356"/>
      <c r="C87" s="356"/>
      <c r="D87" s="357"/>
      <c r="E87" s="357"/>
      <c r="F87" s="357"/>
      <c r="G87" s="367"/>
      <c r="H87" s="357"/>
      <c r="I87" s="82" t="s">
        <v>332</v>
      </c>
      <c r="J87" s="357"/>
    </row>
    <row r="88" spans="1:10" x14ac:dyDescent="0.25">
      <c r="A88" s="356" t="s">
        <v>336</v>
      </c>
      <c r="B88" s="356" t="s">
        <v>337</v>
      </c>
      <c r="C88" s="356" t="s">
        <v>338</v>
      </c>
      <c r="D88" s="357">
        <v>1</v>
      </c>
      <c r="E88" s="357">
        <v>10</v>
      </c>
      <c r="F88" s="357">
        <v>90</v>
      </c>
      <c r="G88" s="367"/>
      <c r="H88" s="357" t="s">
        <v>339</v>
      </c>
      <c r="I88" s="82" t="s">
        <v>340</v>
      </c>
      <c r="J88" s="360">
        <v>43612</v>
      </c>
    </row>
    <row r="89" spans="1:10" x14ac:dyDescent="0.25">
      <c r="A89" s="356"/>
      <c r="B89" s="356"/>
      <c r="C89" s="356"/>
      <c r="D89" s="357"/>
      <c r="E89" s="357"/>
      <c r="F89" s="357"/>
      <c r="G89" s="367"/>
      <c r="H89" s="357"/>
      <c r="I89" s="82"/>
      <c r="J89" s="360"/>
    </row>
    <row r="90" spans="1:10" x14ac:dyDescent="0.25">
      <c r="A90" s="356"/>
      <c r="B90" s="356"/>
      <c r="C90" s="356"/>
      <c r="D90" s="357"/>
      <c r="E90" s="357"/>
      <c r="F90" s="357"/>
      <c r="G90" s="367"/>
      <c r="H90" s="357"/>
      <c r="I90" s="82" t="s">
        <v>341</v>
      </c>
      <c r="J90" s="360"/>
    </row>
    <row r="91" spans="1:10" x14ac:dyDescent="0.25">
      <c r="A91" s="356"/>
      <c r="B91" s="356"/>
      <c r="C91" s="356"/>
      <c r="D91" s="357"/>
      <c r="E91" s="357"/>
      <c r="F91" s="357"/>
      <c r="G91" s="367"/>
      <c r="H91" s="357"/>
      <c r="I91" s="82"/>
      <c r="J91" s="360"/>
    </row>
    <row r="92" spans="1:10" x14ac:dyDescent="0.25">
      <c r="A92" s="356"/>
      <c r="B92" s="356"/>
      <c r="C92" s="356"/>
      <c r="D92" s="357"/>
      <c r="E92" s="357"/>
      <c r="F92" s="357"/>
      <c r="G92" s="367"/>
      <c r="H92" s="357"/>
      <c r="I92" s="82" t="s">
        <v>342</v>
      </c>
      <c r="J92" s="360"/>
    </row>
    <row r="93" spans="1:10" x14ac:dyDescent="0.25">
      <c r="A93" s="356" t="s">
        <v>336</v>
      </c>
      <c r="B93" s="356" t="s">
        <v>343</v>
      </c>
      <c r="C93" s="356" t="s">
        <v>344</v>
      </c>
      <c r="D93" s="357">
        <v>2</v>
      </c>
      <c r="E93" s="357">
        <v>9</v>
      </c>
      <c r="F93" s="357">
        <v>90</v>
      </c>
      <c r="G93" s="367"/>
      <c r="H93" s="357" t="s">
        <v>345</v>
      </c>
      <c r="I93" s="82" t="s">
        <v>346</v>
      </c>
      <c r="J93" s="360">
        <v>43612</v>
      </c>
    </row>
    <row r="94" spans="1:10" x14ac:dyDescent="0.25">
      <c r="A94" s="356"/>
      <c r="B94" s="356"/>
      <c r="C94" s="356"/>
      <c r="D94" s="357"/>
      <c r="E94" s="357"/>
      <c r="F94" s="357"/>
      <c r="G94" s="367"/>
      <c r="H94" s="357"/>
      <c r="I94" s="82"/>
      <c r="J94" s="360"/>
    </row>
    <row r="95" spans="1:10" x14ac:dyDescent="0.25">
      <c r="A95" s="356"/>
      <c r="B95" s="356"/>
      <c r="C95" s="356"/>
      <c r="D95" s="357"/>
      <c r="E95" s="357"/>
      <c r="F95" s="357"/>
      <c r="G95" s="367"/>
      <c r="H95" s="357"/>
      <c r="I95" s="82" t="s">
        <v>347</v>
      </c>
      <c r="J95" s="360"/>
    </row>
    <row r="96" spans="1:10" x14ac:dyDescent="0.25">
      <c r="A96" s="356"/>
      <c r="B96" s="356"/>
      <c r="C96" s="356"/>
      <c r="D96" s="357"/>
      <c r="E96" s="357"/>
      <c r="F96" s="357"/>
      <c r="G96" s="367"/>
      <c r="H96" s="357"/>
      <c r="I96" s="82"/>
      <c r="J96" s="360"/>
    </row>
    <row r="97" spans="1:10" x14ac:dyDescent="0.25">
      <c r="A97" s="356"/>
      <c r="B97" s="356"/>
      <c r="C97" s="356"/>
      <c r="D97" s="357"/>
      <c r="E97" s="357"/>
      <c r="F97" s="357"/>
      <c r="G97" s="367"/>
      <c r="H97" s="357"/>
      <c r="I97" s="82" t="s">
        <v>348</v>
      </c>
      <c r="J97" s="360"/>
    </row>
    <row r="98" spans="1:10" ht="127.5" x14ac:dyDescent="0.25">
      <c r="A98" s="37" t="s">
        <v>355</v>
      </c>
      <c r="B98" s="187" t="s">
        <v>356</v>
      </c>
      <c r="C98" s="37" t="s">
        <v>357</v>
      </c>
      <c r="D98" s="40">
        <v>2</v>
      </c>
      <c r="E98" s="39">
        <v>18</v>
      </c>
      <c r="F98" s="39">
        <v>80</v>
      </c>
      <c r="G98" s="39" t="s">
        <v>358</v>
      </c>
      <c r="H98" s="39" t="s">
        <v>359</v>
      </c>
      <c r="I98" s="36" t="s">
        <v>360</v>
      </c>
      <c r="J98" s="41">
        <v>43920</v>
      </c>
    </row>
    <row r="99" spans="1:10" ht="38.25" x14ac:dyDescent="0.25">
      <c r="A99" s="37" t="s">
        <v>355</v>
      </c>
      <c r="B99" s="141" t="s">
        <v>356</v>
      </c>
      <c r="C99" s="37" t="s">
        <v>361</v>
      </c>
      <c r="D99" s="39">
        <v>4</v>
      </c>
      <c r="E99" s="39">
        <v>12</v>
      </c>
      <c r="F99" s="39">
        <v>80</v>
      </c>
      <c r="G99" s="39" t="s">
        <v>358</v>
      </c>
      <c r="H99" s="39" t="s">
        <v>362</v>
      </c>
      <c r="I99" s="35" t="s">
        <v>363</v>
      </c>
      <c r="J99" s="41">
        <v>43920</v>
      </c>
    </row>
    <row r="100" spans="1:10" ht="26.25" thickBot="1" x14ac:dyDescent="0.25">
      <c r="A100" s="187" t="s">
        <v>379</v>
      </c>
      <c r="B100" s="142" t="s">
        <v>380</v>
      </c>
      <c r="C100" s="132" t="s">
        <v>381</v>
      </c>
      <c r="D100" s="130">
        <v>1</v>
      </c>
      <c r="E100" s="130">
        <v>20</v>
      </c>
      <c r="F100" s="130">
        <v>80</v>
      </c>
      <c r="G100" s="130" t="s">
        <v>382</v>
      </c>
      <c r="H100" s="130" t="s">
        <v>359</v>
      </c>
      <c r="I100" s="131" t="s">
        <v>383</v>
      </c>
      <c r="J100" s="87">
        <v>43985</v>
      </c>
    </row>
    <row r="101" spans="1:10" x14ac:dyDescent="0.25">
      <c r="A101" s="350" t="s">
        <v>387</v>
      </c>
      <c r="B101" s="353" t="s">
        <v>388</v>
      </c>
      <c r="C101" s="356" t="s">
        <v>389</v>
      </c>
      <c r="D101" s="357">
        <v>3</v>
      </c>
      <c r="E101" s="357">
        <v>16</v>
      </c>
      <c r="F101" s="357">
        <v>80</v>
      </c>
      <c r="G101" s="138" t="s">
        <v>390</v>
      </c>
      <c r="H101" s="357" t="s">
        <v>392</v>
      </c>
      <c r="I101" s="143" t="s">
        <v>393</v>
      </c>
      <c r="J101" s="360">
        <v>43993</v>
      </c>
    </row>
    <row r="102" spans="1:10" ht="25.5" x14ac:dyDescent="0.25">
      <c r="A102" s="351"/>
      <c r="B102" s="354"/>
      <c r="C102" s="356"/>
      <c r="D102" s="357"/>
      <c r="E102" s="357"/>
      <c r="F102" s="358"/>
      <c r="G102" s="139" t="s">
        <v>391</v>
      </c>
      <c r="H102" s="359"/>
      <c r="I102" s="143" t="s">
        <v>394</v>
      </c>
      <c r="J102" s="360"/>
    </row>
    <row r="103" spans="1:10" ht="15.75" thickBot="1" x14ac:dyDescent="0.3">
      <c r="A103" s="352"/>
      <c r="B103" s="355"/>
      <c r="C103" s="356"/>
      <c r="D103" s="357"/>
      <c r="E103" s="357"/>
      <c r="F103" s="357"/>
      <c r="G103" s="140"/>
      <c r="H103" s="357"/>
      <c r="I103" s="143" t="s">
        <v>395</v>
      </c>
      <c r="J103" s="360"/>
    </row>
    <row r="104" spans="1:10" x14ac:dyDescent="0.25">
      <c r="A104" s="350" t="s">
        <v>400</v>
      </c>
      <c r="B104" s="350" t="s">
        <v>401</v>
      </c>
      <c r="C104" s="350" t="s">
        <v>402</v>
      </c>
      <c r="D104" s="361">
        <v>3</v>
      </c>
      <c r="E104" s="361">
        <v>14</v>
      </c>
      <c r="F104" s="361">
        <v>80</v>
      </c>
      <c r="G104" s="361" t="s">
        <v>403</v>
      </c>
      <c r="H104" s="361" t="s">
        <v>359</v>
      </c>
      <c r="I104" s="148" t="s">
        <v>404</v>
      </c>
      <c r="J104" s="364">
        <v>43999</v>
      </c>
    </row>
    <row r="105" spans="1:10" x14ac:dyDescent="0.25">
      <c r="A105" s="351"/>
      <c r="B105" s="351"/>
      <c r="C105" s="351"/>
      <c r="D105" s="362"/>
      <c r="E105" s="362"/>
      <c r="F105" s="362"/>
      <c r="G105" s="362"/>
      <c r="H105" s="362"/>
      <c r="I105" s="149" t="s">
        <v>405</v>
      </c>
      <c r="J105" s="365"/>
    </row>
    <row r="106" spans="1:10" x14ac:dyDescent="0.25">
      <c r="A106" s="351"/>
      <c r="B106" s="351"/>
      <c r="C106" s="351"/>
      <c r="D106" s="362"/>
      <c r="E106" s="362"/>
      <c r="F106" s="362"/>
      <c r="G106" s="362"/>
      <c r="H106" s="362"/>
      <c r="I106" s="149" t="s">
        <v>406</v>
      </c>
      <c r="J106" s="365"/>
    </row>
    <row r="107" spans="1:10" x14ac:dyDescent="0.25">
      <c r="A107" s="351"/>
      <c r="B107" s="351"/>
      <c r="C107" s="351"/>
      <c r="D107" s="362"/>
      <c r="E107" s="362"/>
      <c r="F107" s="362"/>
      <c r="G107" s="362"/>
      <c r="H107" s="362"/>
      <c r="I107" s="149" t="s">
        <v>407</v>
      </c>
      <c r="J107" s="365"/>
    </row>
    <row r="108" spans="1:10" x14ac:dyDescent="0.25">
      <c r="A108" s="351"/>
      <c r="B108" s="351"/>
      <c r="C108" s="351"/>
      <c r="D108" s="362"/>
      <c r="E108" s="362"/>
      <c r="F108" s="362"/>
      <c r="G108" s="362"/>
      <c r="H108" s="362"/>
      <c r="I108" s="149" t="s">
        <v>408</v>
      </c>
      <c r="J108" s="365"/>
    </row>
    <row r="109" spans="1:10" x14ac:dyDescent="0.25">
      <c r="A109" s="351"/>
      <c r="B109" s="351"/>
      <c r="C109" s="351"/>
      <c r="D109" s="362"/>
      <c r="E109" s="362"/>
      <c r="F109" s="362"/>
      <c r="G109" s="362"/>
      <c r="H109" s="362"/>
      <c r="I109" s="149" t="s">
        <v>409</v>
      </c>
      <c r="J109" s="365"/>
    </row>
    <row r="110" spans="1:10" x14ac:dyDescent="0.25">
      <c r="A110" s="351"/>
      <c r="B110" s="351"/>
      <c r="C110" s="351"/>
      <c r="D110" s="362"/>
      <c r="E110" s="362"/>
      <c r="F110" s="362"/>
      <c r="G110" s="362"/>
      <c r="H110" s="362"/>
      <c r="I110" s="149" t="s">
        <v>410</v>
      </c>
      <c r="J110" s="365"/>
    </row>
    <row r="111" spans="1:10" x14ac:dyDescent="0.25">
      <c r="A111" s="351"/>
      <c r="B111" s="351"/>
      <c r="C111" s="351"/>
      <c r="D111" s="362"/>
      <c r="E111" s="362"/>
      <c r="F111" s="362"/>
      <c r="G111" s="362"/>
      <c r="H111" s="362"/>
      <c r="I111" s="149" t="s">
        <v>411</v>
      </c>
      <c r="J111" s="365"/>
    </row>
    <row r="112" spans="1:10" x14ac:dyDescent="0.25">
      <c r="A112" s="351"/>
      <c r="B112" s="351"/>
      <c r="C112" s="351"/>
      <c r="D112" s="362"/>
      <c r="E112" s="362"/>
      <c r="F112" s="362"/>
      <c r="G112" s="362"/>
      <c r="H112" s="362"/>
      <c r="I112" s="149" t="s">
        <v>412</v>
      </c>
      <c r="J112" s="365"/>
    </row>
    <row r="113" spans="1:10" ht="15.75" thickBot="1" x14ac:dyDescent="0.3">
      <c r="A113" s="352"/>
      <c r="B113" s="352"/>
      <c r="C113" s="352"/>
      <c r="D113" s="363"/>
      <c r="E113" s="363"/>
      <c r="F113" s="363"/>
      <c r="G113" s="363"/>
      <c r="H113" s="363"/>
      <c r="I113" s="150" t="s">
        <v>413</v>
      </c>
      <c r="J113" s="366"/>
    </row>
    <row r="114" spans="1:10" ht="25.5" x14ac:dyDescent="0.25">
      <c r="A114" s="309" t="s">
        <v>421</v>
      </c>
      <c r="B114" s="309" t="s">
        <v>159</v>
      </c>
      <c r="C114" s="309" t="s">
        <v>160</v>
      </c>
      <c r="D114" s="339" t="s">
        <v>244</v>
      </c>
      <c r="E114" s="339">
        <v>9</v>
      </c>
      <c r="F114" s="339">
        <v>90</v>
      </c>
      <c r="G114" s="155" t="s">
        <v>422</v>
      </c>
      <c r="H114" s="312" t="s">
        <v>424</v>
      </c>
      <c r="I114" s="155" t="s">
        <v>162</v>
      </c>
      <c r="J114" s="339" t="s">
        <v>427</v>
      </c>
    </row>
    <row r="115" spans="1:10" x14ac:dyDescent="0.25">
      <c r="A115" s="310"/>
      <c r="B115" s="310"/>
      <c r="C115" s="310"/>
      <c r="D115" s="340"/>
      <c r="E115" s="340"/>
      <c r="F115" s="340"/>
      <c r="G115" s="156"/>
      <c r="H115" s="313"/>
      <c r="I115" s="156" t="s">
        <v>164</v>
      </c>
      <c r="J115" s="340"/>
    </row>
    <row r="116" spans="1:10" ht="25.5" x14ac:dyDescent="0.25">
      <c r="A116" s="310"/>
      <c r="B116" s="310"/>
      <c r="C116" s="310"/>
      <c r="D116" s="340"/>
      <c r="E116" s="340"/>
      <c r="F116" s="340"/>
      <c r="G116" s="156" t="s">
        <v>423</v>
      </c>
      <c r="H116" s="313"/>
      <c r="I116" s="156" t="s">
        <v>425</v>
      </c>
      <c r="J116" s="340"/>
    </row>
    <row r="117" spans="1:10" x14ac:dyDescent="0.25">
      <c r="A117" s="310"/>
      <c r="B117" s="310"/>
      <c r="C117" s="310"/>
      <c r="D117" s="340"/>
      <c r="E117" s="340"/>
      <c r="F117" s="340"/>
      <c r="G117" s="159"/>
      <c r="H117" s="313"/>
      <c r="I117" s="156" t="s">
        <v>426</v>
      </c>
      <c r="J117" s="340"/>
    </row>
    <row r="118" spans="1:10" ht="15.75" thickBot="1" x14ac:dyDescent="0.3">
      <c r="A118" s="311"/>
      <c r="B118" s="311"/>
      <c r="C118" s="311"/>
      <c r="D118" s="341"/>
      <c r="E118" s="341"/>
      <c r="F118" s="341"/>
      <c r="G118" s="160"/>
      <c r="H118" s="314"/>
      <c r="I118" s="157"/>
      <c r="J118" s="341"/>
    </row>
    <row r="119" spans="1:10" ht="51.75" thickBot="1" x14ac:dyDescent="0.3">
      <c r="A119" s="164" t="s">
        <v>435</v>
      </c>
      <c r="B119" s="173" t="s">
        <v>436</v>
      </c>
      <c r="C119" s="173" t="s">
        <v>437</v>
      </c>
      <c r="D119" s="165" t="s">
        <v>246</v>
      </c>
      <c r="E119" s="165">
        <v>20</v>
      </c>
      <c r="F119" s="165">
        <v>80</v>
      </c>
      <c r="G119" s="174">
        <v>31308916.710000001</v>
      </c>
      <c r="H119" s="165" t="s">
        <v>438</v>
      </c>
      <c r="I119" s="161" t="s">
        <v>439</v>
      </c>
      <c r="J119" s="175">
        <v>44103</v>
      </c>
    </row>
    <row r="120" spans="1:10" ht="15.75" thickBot="1" x14ac:dyDescent="0.3">
      <c r="A120" s="164" t="s">
        <v>458</v>
      </c>
      <c r="B120" s="179" t="s">
        <v>459</v>
      </c>
      <c r="C120" s="173" t="s">
        <v>460</v>
      </c>
      <c r="D120" s="165" t="s">
        <v>480</v>
      </c>
      <c r="E120" s="165">
        <v>20</v>
      </c>
      <c r="F120" s="165">
        <v>80</v>
      </c>
      <c r="G120" s="174">
        <v>1461815.03</v>
      </c>
      <c r="H120" s="165" t="s">
        <v>462</v>
      </c>
      <c r="I120" s="161" t="s">
        <v>463</v>
      </c>
      <c r="J120" s="165" t="s">
        <v>464</v>
      </c>
    </row>
    <row r="121" spans="1:10" ht="39" thickBot="1" x14ac:dyDescent="0.3">
      <c r="A121" s="164" t="s">
        <v>481</v>
      </c>
      <c r="B121" s="173" t="s">
        <v>482</v>
      </c>
      <c r="C121" s="173" t="s">
        <v>495</v>
      </c>
      <c r="D121" s="165" t="s">
        <v>246</v>
      </c>
      <c r="E121" s="165">
        <v>10</v>
      </c>
      <c r="F121" s="165">
        <v>90</v>
      </c>
      <c r="G121" s="165" t="s">
        <v>496</v>
      </c>
      <c r="H121" s="165" t="s">
        <v>497</v>
      </c>
      <c r="I121" s="161" t="s">
        <v>498</v>
      </c>
      <c r="J121" s="175">
        <v>44160</v>
      </c>
    </row>
    <row r="122" spans="1:10" ht="64.5" thickBot="1" x14ac:dyDescent="0.3">
      <c r="A122" s="186" t="s">
        <v>481</v>
      </c>
      <c r="B122" s="185" t="s">
        <v>482</v>
      </c>
      <c r="C122" s="185" t="s">
        <v>499</v>
      </c>
      <c r="D122" s="166" t="s">
        <v>246</v>
      </c>
      <c r="E122" s="166">
        <v>10</v>
      </c>
      <c r="F122" s="166">
        <v>90</v>
      </c>
      <c r="G122" s="166" t="s">
        <v>500</v>
      </c>
      <c r="H122" s="166" t="s">
        <v>501</v>
      </c>
      <c r="I122" s="156" t="s">
        <v>502</v>
      </c>
      <c r="J122" s="190">
        <v>44160</v>
      </c>
    </row>
    <row r="123" spans="1:10" x14ac:dyDescent="0.25">
      <c r="A123" s="392" t="s">
        <v>503</v>
      </c>
      <c r="B123" s="395" t="s">
        <v>509</v>
      </c>
      <c r="C123" s="349" t="s">
        <v>504</v>
      </c>
      <c r="D123" s="346">
        <v>1</v>
      </c>
      <c r="E123" s="346">
        <v>20</v>
      </c>
      <c r="F123" s="346">
        <v>80</v>
      </c>
      <c r="G123" s="342"/>
      <c r="H123" s="344" t="s">
        <v>510</v>
      </c>
      <c r="I123" s="194" t="s">
        <v>511</v>
      </c>
      <c r="J123" s="346" t="s">
        <v>513</v>
      </c>
    </row>
    <row r="124" spans="1:10" x14ac:dyDescent="0.25">
      <c r="A124" s="393"/>
      <c r="B124" s="396"/>
      <c r="C124" s="348"/>
      <c r="D124" s="347"/>
      <c r="E124" s="347"/>
      <c r="F124" s="347"/>
      <c r="G124" s="343"/>
      <c r="H124" s="345"/>
      <c r="I124" s="195" t="s">
        <v>512</v>
      </c>
      <c r="J124" s="347"/>
    </row>
    <row r="125" spans="1:10" x14ac:dyDescent="0.25">
      <c r="A125" s="393"/>
      <c r="B125" s="396"/>
      <c r="C125" s="348"/>
      <c r="D125" s="347"/>
      <c r="E125" s="347"/>
      <c r="F125" s="347"/>
      <c r="G125" s="343"/>
      <c r="H125" s="345"/>
      <c r="I125" s="196"/>
      <c r="J125" s="347"/>
    </row>
    <row r="126" spans="1:10" x14ac:dyDescent="0.25">
      <c r="A126" s="393"/>
      <c r="B126" s="396"/>
      <c r="C126" s="348" t="s">
        <v>505</v>
      </c>
      <c r="D126" s="347">
        <v>1</v>
      </c>
      <c r="E126" s="347">
        <v>20</v>
      </c>
      <c r="F126" s="347">
        <v>80</v>
      </c>
      <c r="G126" s="343"/>
      <c r="H126" s="345" t="s">
        <v>438</v>
      </c>
      <c r="I126" s="197" t="s">
        <v>514</v>
      </c>
      <c r="J126" s="347" t="s">
        <v>513</v>
      </c>
    </row>
    <row r="127" spans="1:10" x14ac:dyDescent="0.25">
      <c r="A127" s="393"/>
      <c r="B127" s="396"/>
      <c r="C127" s="348"/>
      <c r="D127" s="347"/>
      <c r="E127" s="347"/>
      <c r="F127" s="347"/>
      <c r="G127" s="343"/>
      <c r="H127" s="345"/>
      <c r="I127" s="195" t="s">
        <v>515</v>
      </c>
      <c r="J127" s="347"/>
    </row>
    <row r="128" spans="1:10" x14ac:dyDescent="0.25">
      <c r="A128" s="393"/>
      <c r="B128" s="396"/>
      <c r="C128" s="348"/>
      <c r="D128" s="347"/>
      <c r="E128" s="347"/>
      <c r="F128" s="347"/>
      <c r="G128" s="343"/>
      <c r="H128" s="345"/>
      <c r="I128" s="198" t="s">
        <v>516</v>
      </c>
      <c r="J128" s="347"/>
    </row>
    <row r="129" spans="1:10" x14ac:dyDescent="0.25">
      <c r="A129" s="393"/>
      <c r="B129" s="396"/>
      <c r="C129" s="348" t="s">
        <v>506</v>
      </c>
      <c r="D129" s="347">
        <v>1</v>
      </c>
      <c r="E129" s="347">
        <v>20</v>
      </c>
      <c r="F129" s="347">
        <v>64</v>
      </c>
      <c r="G129" s="343"/>
      <c r="H129" s="345" t="s">
        <v>438</v>
      </c>
      <c r="I129" s="390" t="s">
        <v>517</v>
      </c>
      <c r="J129" s="347" t="s">
        <v>513</v>
      </c>
    </row>
    <row r="130" spans="1:10" x14ac:dyDescent="0.25">
      <c r="A130" s="393"/>
      <c r="B130" s="396"/>
      <c r="C130" s="348"/>
      <c r="D130" s="347"/>
      <c r="E130" s="347"/>
      <c r="F130" s="347"/>
      <c r="G130" s="343"/>
      <c r="H130" s="345"/>
      <c r="I130" s="391"/>
      <c r="J130" s="347"/>
    </row>
    <row r="131" spans="1:10" x14ac:dyDescent="0.25">
      <c r="A131" s="393"/>
      <c r="B131" s="396"/>
      <c r="C131" s="348" t="s">
        <v>506</v>
      </c>
      <c r="D131" s="347">
        <v>1</v>
      </c>
      <c r="E131" s="347">
        <v>10</v>
      </c>
      <c r="F131" s="347">
        <v>89.51</v>
      </c>
      <c r="G131" s="343"/>
      <c r="H131" s="345" t="s">
        <v>102</v>
      </c>
      <c r="I131" s="390" t="s">
        <v>517</v>
      </c>
      <c r="J131" s="347" t="s">
        <v>513</v>
      </c>
    </row>
    <row r="132" spans="1:10" x14ac:dyDescent="0.25">
      <c r="A132" s="393"/>
      <c r="B132" s="396"/>
      <c r="C132" s="348"/>
      <c r="D132" s="347"/>
      <c r="E132" s="347"/>
      <c r="F132" s="347"/>
      <c r="G132" s="343"/>
      <c r="H132" s="345"/>
      <c r="I132" s="391"/>
      <c r="J132" s="347"/>
    </row>
    <row r="133" spans="1:10" x14ac:dyDescent="0.25">
      <c r="A133" s="393"/>
      <c r="B133" s="396"/>
      <c r="C133" s="348" t="s">
        <v>507</v>
      </c>
      <c r="D133" s="347">
        <v>1</v>
      </c>
      <c r="E133" s="347">
        <v>20</v>
      </c>
      <c r="F133" s="347">
        <v>64</v>
      </c>
      <c r="G133" s="343"/>
      <c r="H133" s="345" t="s">
        <v>438</v>
      </c>
      <c r="I133" s="197" t="s">
        <v>518</v>
      </c>
      <c r="J133" s="347" t="s">
        <v>513</v>
      </c>
    </row>
    <row r="134" spans="1:10" x14ac:dyDescent="0.25">
      <c r="A134" s="393"/>
      <c r="B134" s="396"/>
      <c r="C134" s="348"/>
      <c r="D134" s="347"/>
      <c r="E134" s="347"/>
      <c r="F134" s="347"/>
      <c r="G134" s="343"/>
      <c r="H134" s="345"/>
      <c r="I134" s="195" t="s">
        <v>519</v>
      </c>
      <c r="J134" s="347"/>
    </row>
    <row r="135" spans="1:10" x14ac:dyDescent="0.25">
      <c r="A135" s="393"/>
      <c r="B135" s="396"/>
      <c r="C135" s="348"/>
      <c r="D135" s="347"/>
      <c r="E135" s="347"/>
      <c r="F135" s="347"/>
      <c r="G135" s="343"/>
      <c r="H135" s="345"/>
      <c r="I135" s="199" t="s">
        <v>520</v>
      </c>
      <c r="J135" s="347"/>
    </row>
    <row r="136" spans="1:10" x14ac:dyDescent="0.25">
      <c r="A136" s="393"/>
      <c r="B136" s="396"/>
      <c r="C136" s="348"/>
      <c r="D136" s="347"/>
      <c r="E136" s="347"/>
      <c r="F136" s="347"/>
      <c r="G136" s="343"/>
      <c r="H136" s="345"/>
      <c r="I136" s="198" t="s">
        <v>521</v>
      </c>
      <c r="J136" s="347"/>
    </row>
    <row r="137" spans="1:10" x14ac:dyDescent="0.25">
      <c r="A137" s="393"/>
      <c r="B137" s="396"/>
      <c r="C137" s="398" t="s">
        <v>507</v>
      </c>
      <c r="D137" s="400">
        <v>1</v>
      </c>
      <c r="E137" s="400">
        <v>10</v>
      </c>
      <c r="F137" s="400">
        <v>90</v>
      </c>
      <c r="G137" s="343"/>
      <c r="H137" s="345" t="s">
        <v>102</v>
      </c>
      <c r="I137" s="197" t="s">
        <v>518</v>
      </c>
      <c r="J137" s="347" t="s">
        <v>513</v>
      </c>
    </row>
    <row r="138" spans="1:10" x14ac:dyDescent="0.25">
      <c r="A138" s="393"/>
      <c r="B138" s="396"/>
      <c r="C138" s="393"/>
      <c r="D138" s="401"/>
      <c r="E138" s="401"/>
      <c r="F138" s="401"/>
      <c r="G138" s="343"/>
      <c r="H138" s="345"/>
      <c r="I138" s="195" t="s">
        <v>519</v>
      </c>
      <c r="J138" s="347"/>
    </row>
    <row r="139" spans="1:10" x14ac:dyDescent="0.25">
      <c r="A139" s="393"/>
      <c r="B139" s="396"/>
      <c r="C139" s="393"/>
      <c r="D139" s="401"/>
      <c r="E139" s="401"/>
      <c r="F139" s="401"/>
      <c r="G139" s="343"/>
      <c r="H139" s="345"/>
      <c r="I139" s="199" t="s">
        <v>520</v>
      </c>
      <c r="J139" s="347"/>
    </row>
    <row r="140" spans="1:10" x14ac:dyDescent="0.25">
      <c r="A140" s="393"/>
      <c r="B140" s="396"/>
      <c r="C140" s="399"/>
      <c r="D140" s="402"/>
      <c r="E140" s="402"/>
      <c r="F140" s="402"/>
      <c r="G140" s="343"/>
      <c r="H140" s="345"/>
      <c r="I140" s="198" t="s">
        <v>521</v>
      </c>
      <c r="J140" s="347"/>
    </row>
    <row r="141" spans="1:10" x14ac:dyDescent="0.25">
      <c r="A141" s="393"/>
      <c r="B141" s="396"/>
      <c r="C141" s="348" t="s">
        <v>508</v>
      </c>
      <c r="D141" s="347">
        <v>2</v>
      </c>
      <c r="E141" s="347">
        <v>9</v>
      </c>
      <c r="F141" s="347">
        <v>89.11</v>
      </c>
      <c r="G141" s="343"/>
      <c r="H141" s="345" t="s">
        <v>102</v>
      </c>
      <c r="I141" s="195" t="s">
        <v>522</v>
      </c>
      <c r="J141" s="347" t="s">
        <v>513</v>
      </c>
    </row>
    <row r="142" spans="1:10" ht="15.75" thickBot="1" x14ac:dyDescent="0.3">
      <c r="A142" s="394"/>
      <c r="B142" s="397"/>
      <c r="C142" s="403"/>
      <c r="D142" s="404"/>
      <c r="E142" s="404"/>
      <c r="F142" s="404"/>
      <c r="G142" s="405"/>
      <c r="H142" s="406"/>
      <c r="I142" s="200" t="s">
        <v>523</v>
      </c>
      <c r="J142" s="404"/>
    </row>
    <row r="143" spans="1:10" ht="40.15" customHeight="1" x14ac:dyDescent="0.25">
      <c r="A143" s="309" t="s">
        <v>546</v>
      </c>
      <c r="B143" s="309" t="s">
        <v>547</v>
      </c>
      <c r="C143" s="409" t="s">
        <v>550</v>
      </c>
      <c r="D143" s="339">
        <v>1</v>
      </c>
      <c r="E143" s="339">
        <v>20</v>
      </c>
      <c r="F143" s="339">
        <v>80</v>
      </c>
      <c r="G143" s="339" t="s">
        <v>548</v>
      </c>
      <c r="H143" s="339" t="s">
        <v>549</v>
      </c>
      <c r="I143" s="321" t="s">
        <v>551</v>
      </c>
      <c r="J143" s="407" t="s">
        <v>552</v>
      </c>
    </row>
    <row r="144" spans="1:10" ht="15.75" thickBot="1" x14ac:dyDescent="0.3">
      <c r="A144" s="311"/>
      <c r="B144" s="311"/>
      <c r="C144" s="410"/>
      <c r="D144" s="341"/>
      <c r="E144" s="341"/>
      <c r="F144" s="341"/>
      <c r="G144" s="341"/>
      <c r="H144" s="341"/>
      <c r="I144" s="323"/>
      <c r="J144" s="408"/>
    </row>
    <row r="145" spans="1:10" ht="15.75" thickBot="1" x14ac:dyDescent="0.3">
      <c r="A145" s="309" t="s">
        <v>580</v>
      </c>
      <c r="B145" s="309" t="s">
        <v>581</v>
      </c>
      <c r="C145" s="309" t="s">
        <v>582</v>
      </c>
      <c r="D145" s="339" t="s">
        <v>84</v>
      </c>
      <c r="E145" s="339" t="s">
        <v>84</v>
      </c>
      <c r="F145" s="339" t="s">
        <v>84</v>
      </c>
      <c r="G145" s="339" t="s">
        <v>84</v>
      </c>
      <c r="H145" s="339" t="s">
        <v>583</v>
      </c>
      <c r="I145" s="219" t="s">
        <v>584</v>
      </c>
      <c r="J145" s="339" t="s">
        <v>592</v>
      </c>
    </row>
    <row r="146" spans="1:10" x14ac:dyDescent="0.25">
      <c r="A146" s="310"/>
      <c r="B146" s="310"/>
      <c r="C146" s="310"/>
      <c r="D146" s="340"/>
      <c r="E146" s="340"/>
      <c r="F146" s="340"/>
      <c r="G146" s="340"/>
      <c r="H146" s="411"/>
      <c r="I146" s="194" t="s">
        <v>585</v>
      </c>
      <c r="J146" s="413"/>
    </row>
    <row r="147" spans="1:10" x14ac:dyDescent="0.25">
      <c r="A147" s="310"/>
      <c r="B147" s="310"/>
      <c r="C147" s="310"/>
      <c r="D147" s="340"/>
      <c r="E147" s="340"/>
      <c r="F147" s="340"/>
      <c r="G147" s="340"/>
      <c r="H147" s="411"/>
      <c r="I147" s="195" t="s">
        <v>586</v>
      </c>
      <c r="J147" s="413"/>
    </row>
    <row r="148" spans="1:10" x14ac:dyDescent="0.25">
      <c r="A148" s="310"/>
      <c r="B148" s="310"/>
      <c r="C148" s="310"/>
      <c r="D148" s="340"/>
      <c r="E148" s="340"/>
      <c r="F148" s="340"/>
      <c r="G148" s="340"/>
      <c r="H148" s="411"/>
      <c r="I148" s="195" t="s">
        <v>587</v>
      </c>
      <c r="J148" s="413"/>
    </row>
    <row r="149" spans="1:10" x14ac:dyDescent="0.25">
      <c r="A149" s="310"/>
      <c r="B149" s="310"/>
      <c r="C149" s="310"/>
      <c r="D149" s="340"/>
      <c r="E149" s="340"/>
      <c r="F149" s="340"/>
      <c r="G149" s="340"/>
      <c r="H149" s="411"/>
      <c r="I149" s="195" t="s">
        <v>588</v>
      </c>
      <c r="J149" s="413"/>
    </row>
    <row r="150" spans="1:10" x14ac:dyDescent="0.25">
      <c r="A150" s="310"/>
      <c r="B150" s="310"/>
      <c r="C150" s="310"/>
      <c r="D150" s="340"/>
      <c r="E150" s="340"/>
      <c r="F150" s="340"/>
      <c r="G150" s="340"/>
      <c r="H150" s="411"/>
      <c r="I150" s="195" t="s">
        <v>589</v>
      </c>
      <c r="J150" s="413"/>
    </row>
    <row r="151" spans="1:10" x14ac:dyDescent="0.25">
      <c r="A151" s="310"/>
      <c r="B151" s="310"/>
      <c r="C151" s="310"/>
      <c r="D151" s="340"/>
      <c r="E151" s="340"/>
      <c r="F151" s="340"/>
      <c r="G151" s="340"/>
      <c r="H151" s="411"/>
      <c r="I151" s="195" t="s">
        <v>590</v>
      </c>
      <c r="J151" s="413"/>
    </row>
    <row r="152" spans="1:10" x14ac:dyDescent="0.25">
      <c r="A152" s="310"/>
      <c r="B152" s="310"/>
      <c r="C152" s="310"/>
      <c r="D152" s="340"/>
      <c r="E152" s="340"/>
      <c r="F152" s="340"/>
      <c r="G152" s="340"/>
      <c r="H152" s="411"/>
      <c r="I152" s="195" t="s">
        <v>591</v>
      </c>
      <c r="J152" s="413"/>
    </row>
    <row r="153" spans="1:10" ht="15.75" thickBot="1" x14ac:dyDescent="0.3">
      <c r="A153" s="311"/>
      <c r="B153" s="311"/>
      <c r="C153" s="311"/>
      <c r="D153" s="341"/>
      <c r="E153" s="341"/>
      <c r="F153" s="341"/>
      <c r="G153" s="341"/>
      <c r="H153" s="412"/>
      <c r="I153" s="215"/>
      <c r="J153" s="414"/>
    </row>
    <row r="154" spans="1:10" x14ac:dyDescent="0.25">
      <c r="A154" s="324" t="s">
        <v>597</v>
      </c>
      <c r="B154" s="324" t="s">
        <v>598</v>
      </c>
      <c r="C154" s="324" t="s">
        <v>599</v>
      </c>
      <c r="D154" s="327">
        <v>2</v>
      </c>
      <c r="E154" s="327">
        <v>18</v>
      </c>
      <c r="F154" s="327">
        <v>80</v>
      </c>
      <c r="G154" s="327" t="s">
        <v>600</v>
      </c>
      <c r="H154" s="327" t="s">
        <v>501</v>
      </c>
      <c r="I154" s="227" t="s">
        <v>601</v>
      </c>
      <c r="J154" s="415">
        <v>44361</v>
      </c>
    </row>
    <row r="155" spans="1:10" x14ac:dyDescent="0.25">
      <c r="A155" s="325"/>
      <c r="B155" s="325"/>
      <c r="C155" s="325"/>
      <c r="D155" s="328"/>
      <c r="E155" s="328"/>
      <c r="F155" s="328"/>
      <c r="G155" s="328"/>
      <c r="H155" s="328"/>
      <c r="I155" s="228" t="s">
        <v>602</v>
      </c>
      <c r="J155" s="416"/>
    </row>
    <row r="156" spans="1:10" x14ac:dyDescent="0.25">
      <c r="A156" s="325"/>
      <c r="B156" s="325"/>
      <c r="C156" s="325"/>
      <c r="D156" s="328"/>
      <c r="E156" s="328"/>
      <c r="F156" s="328"/>
      <c r="G156" s="328"/>
      <c r="H156" s="328"/>
      <c r="I156" s="228" t="s">
        <v>603</v>
      </c>
      <c r="J156" s="416"/>
    </row>
    <row r="157" spans="1:10" x14ac:dyDescent="0.25">
      <c r="A157" s="325"/>
      <c r="B157" s="325"/>
      <c r="C157" s="325"/>
      <c r="D157" s="328"/>
      <c r="E157" s="328"/>
      <c r="F157" s="328"/>
      <c r="G157" s="328"/>
      <c r="H157" s="328"/>
      <c r="I157" s="228" t="s">
        <v>604</v>
      </c>
      <c r="J157" s="416"/>
    </row>
    <row r="158" spans="1:10" ht="15.75" thickBot="1" x14ac:dyDescent="0.3">
      <c r="A158" s="326"/>
      <c r="B158" s="326"/>
      <c r="C158" s="326"/>
      <c r="D158" s="329"/>
      <c r="E158" s="329"/>
      <c r="F158" s="329"/>
      <c r="G158" s="329"/>
      <c r="H158" s="329"/>
      <c r="I158" s="163"/>
      <c r="J158" s="417"/>
    </row>
    <row r="159" spans="1:10" ht="305.45" customHeight="1" thickBot="1" x14ac:dyDescent="0.3">
      <c r="A159" s="237" t="s">
        <v>613</v>
      </c>
      <c r="B159" s="238" t="s">
        <v>614</v>
      </c>
      <c r="C159" s="238" t="s">
        <v>615</v>
      </c>
      <c r="D159" s="17">
        <v>1</v>
      </c>
      <c r="E159" s="17">
        <v>20</v>
      </c>
      <c r="F159" s="17">
        <v>80</v>
      </c>
      <c r="G159" s="17" t="s">
        <v>84</v>
      </c>
      <c r="H159" s="17" t="s">
        <v>359</v>
      </c>
      <c r="I159" s="239" t="s">
        <v>616</v>
      </c>
      <c r="J159" s="18">
        <v>44361</v>
      </c>
    </row>
    <row r="160" spans="1:10" x14ac:dyDescent="0.25">
      <c r="A160" s="324" t="s">
        <v>626</v>
      </c>
      <c r="B160" s="324" t="s">
        <v>627</v>
      </c>
      <c r="C160" s="324" t="s">
        <v>628</v>
      </c>
      <c r="D160" s="327">
        <v>2</v>
      </c>
      <c r="E160" s="330">
        <v>18</v>
      </c>
      <c r="F160" s="330">
        <v>80</v>
      </c>
      <c r="G160" s="333">
        <v>2318400</v>
      </c>
      <c r="H160" s="330" t="s">
        <v>96</v>
      </c>
      <c r="I160" s="243" t="s">
        <v>629</v>
      </c>
      <c r="J160" s="336">
        <v>44407</v>
      </c>
    </row>
    <row r="161" spans="1:10" x14ac:dyDescent="0.25">
      <c r="A161" s="325"/>
      <c r="B161" s="325"/>
      <c r="C161" s="325"/>
      <c r="D161" s="328"/>
      <c r="E161" s="331"/>
      <c r="F161" s="331"/>
      <c r="G161" s="334"/>
      <c r="H161" s="331"/>
      <c r="I161" s="244" t="s">
        <v>630</v>
      </c>
      <c r="J161" s="337"/>
    </row>
    <row r="162" spans="1:10" x14ac:dyDescent="0.25">
      <c r="A162" s="325"/>
      <c r="B162" s="325"/>
      <c r="C162" s="325"/>
      <c r="D162" s="328"/>
      <c r="E162" s="331"/>
      <c r="F162" s="331"/>
      <c r="G162" s="334"/>
      <c r="H162" s="331"/>
      <c r="I162" s="244" t="s">
        <v>631</v>
      </c>
      <c r="J162" s="337"/>
    </row>
    <row r="163" spans="1:10" x14ac:dyDescent="0.25">
      <c r="A163" s="325"/>
      <c r="B163" s="325"/>
      <c r="C163" s="325"/>
      <c r="D163" s="328"/>
      <c r="E163" s="331"/>
      <c r="F163" s="331"/>
      <c r="G163" s="334"/>
      <c r="H163" s="331"/>
      <c r="I163" s="244" t="s">
        <v>632</v>
      </c>
      <c r="J163" s="337"/>
    </row>
    <row r="164" spans="1:10" ht="15.75" thickBot="1" x14ac:dyDescent="0.3">
      <c r="A164" s="326"/>
      <c r="B164" s="326"/>
      <c r="C164" s="326"/>
      <c r="D164" s="329"/>
      <c r="E164" s="332"/>
      <c r="F164" s="332"/>
      <c r="G164" s="335"/>
      <c r="H164" s="332"/>
      <c r="I164" s="245" t="s">
        <v>633</v>
      </c>
      <c r="J164" s="338"/>
    </row>
    <row r="165" spans="1:10" ht="39" thickBot="1" x14ac:dyDescent="0.25">
      <c r="A165" s="252" t="s">
        <v>655</v>
      </c>
      <c r="B165" s="258" t="s">
        <v>658</v>
      </c>
      <c r="C165" s="259" t="s">
        <v>656</v>
      </c>
      <c r="D165" s="253">
        <v>1</v>
      </c>
      <c r="E165" s="254">
        <v>20</v>
      </c>
      <c r="F165" s="255">
        <v>80</v>
      </c>
      <c r="G165" s="255" t="s">
        <v>84</v>
      </c>
      <c r="H165" s="255" t="s">
        <v>657</v>
      </c>
      <c r="I165" s="256"/>
      <c r="J165" s="257">
        <v>44356</v>
      </c>
    </row>
    <row r="166" spans="1:10" x14ac:dyDescent="0.25">
      <c r="A166" s="306" t="s">
        <v>876</v>
      </c>
      <c r="B166" s="306" t="s">
        <v>668</v>
      </c>
      <c r="C166" s="309" t="s">
        <v>669</v>
      </c>
      <c r="D166" s="312">
        <v>1</v>
      </c>
      <c r="E166" s="312">
        <v>10</v>
      </c>
      <c r="F166" s="312" t="s">
        <v>84</v>
      </c>
      <c r="G166" s="312" t="s">
        <v>84</v>
      </c>
      <c r="H166" s="312" t="s">
        <v>497</v>
      </c>
      <c r="I166" s="155" t="s">
        <v>670</v>
      </c>
      <c r="J166" s="312" t="s">
        <v>723</v>
      </c>
    </row>
    <row r="167" spans="1:10" x14ac:dyDescent="0.25">
      <c r="A167" s="307"/>
      <c r="B167" s="307"/>
      <c r="C167" s="310"/>
      <c r="D167" s="313"/>
      <c r="E167" s="313"/>
      <c r="F167" s="313"/>
      <c r="G167" s="313"/>
      <c r="H167" s="313"/>
      <c r="I167" s="156" t="s">
        <v>671</v>
      </c>
      <c r="J167" s="313"/>
    </row>
    <row r="168" spans="1:10" x14ac:dyDescent="0.25">
      <c r="A168" s="307"/>
      <c r="B168" s="307"/>
      <c r="C168" s="310"/>
      <c r="D168" s="313"/>
      <c r="E168" s="313"/>
      <c r="F168" s="313"/>
      <c r="G168" s="313"/>
      <c r="H168" s="313"/>
      <c r="I168" s="156" t="s">
        <v>672</v>
      </c>
      <c r="J168" s="313"/>
    </row>
    <row r="169" spans="1:10" x14ac:dyDescent="0.25">
      <c r="A169" s="307"/>
      <c r="B169" s="307"/>
      <c r="C169" s="310"/>
      <c r="D169" s="313"/>
      <c r="E169" s="313"/>
      <c r="F169" s="313"/>
      <c r="G169" s="313"/>
      <c r="H169" s="313"/>
      <c r="I169" s="156" t="s">
        <v>673</v>
      </c>
      <c r="J169" s="313"/>
    </row>
    <row r="170" spans="1:10" x14ac:dyDescent="0.25">
      <c r="A170" s="307"/>
      <c r="B170" s="307"/>
      <c r="C170" s="310"/>
      <c r="D170" s="313"/>
      <c r="E170" s="313"/>
      <c r="F170" s="313"/>
      <c r="G170" s="313"/>
      <c r="H170" s="313"/>
      <c r="I170" s="156" t="s">
        <v>674</v>
      </c>
      <c r="J170" s="313"/>
    </row>
    <row r="171" spans="1:10" ht="15.75" thickBot="1" x14ac:dyDescent="0.3">
      <c r="A171" s="307"/>
      <c r="B171" s="307"/>
      <c r="C171" s="311"/>
      <c r="D171" s="314"/>
      <c r="E171" s="314"/>
      <c r="F171" s="314"/>
      <c r="G171" s="314"/>
      <c r="H171" s="314"/>
      <c r="I171" s="157" t="s">
        <v>675</v>
      </c>
      <c r="J171" s="314"/>
    </row>
    <row r="172" spans="1:10" x14ac:dyDescent="0.25">
      <c r="A172" s="307"/>
      <c r="B172" s="307"/>
      <c r="C172" s="309" t="s">
        <v>676</v>
      </c>
      <c r="D172" s="312">
        <v>1</v>
      </c>
      <c r="E172" s="312">
        <v>10</v>
      </c>
      <c r="F172" s="312" t="s">
        <v>84</v>
      </c>
      <c r="G172" s="312" t="s">
        <v>84</v>
      </c>
      <c r="H172" s="312" t="s">
        <v>497</v>
      </c>
      <c r="I172" s="156" t="s">
        <v>677</v>
      </c>
      <c r="J172" s="312"/>
    </row>
    <row r="173" spans="1:10" ht="15.75" thickBot="1" x14ac:dyDescent="0.3">
      <c r="A173" s="307"/>
      <c r="B173" s="307"/>
      <c r="C173" s="311"/>
      <c r="D173" s="314"/>
      <c r="E173" s="314"/>
      <c r="F173" s="314"/>
      <c r="G173" s="314"/>
      <c r="H173" s="314"/>
      <c r="I173" s="157" t="s">
        <v>678</v>
      </c>
      <c r="J173" s="314"/>
    </row>
    <row r="174" spans="1:10" x14ac:dyDescent="0.25">
      <c r="A174" s="307"/>
      <c r="B174" s="307"/>
      <c r="C174" s="309" t="s">
        <v>679</v>
      </c>
      <c r="D174" s="312">
        <v>1</v>
      </c>
      <c r="E174" s="312">
        <v>10</v>
      </c>
      <c r="F174" s="312" t="s">
        <v>84</v>
      </c>
      <c r="G174" s="312" t="s">
        <v>84</v>
      </c>
      <c r="H174" s="312" t="s">
        <v>497</v>
      </c>
      <c r="I174" s="156" t="s">
        <v>680</v>
      </c>
      <c r="J174" s="312"/>
    </row>
    <row r="175" spans="1:10" x14ac:dyDescent="0.25">
      <c r="A175" s="307"/>
      <c r="B175" s="307"/>
      <c r="C175" s="310"/>
      <c r="D175" s="313"/>
      <c r="E175" s="313"/>
      <c r="F175" s="313"/>
      <c r="G175" s="313"/>
      <c r="H175" s="313"/>
      <c r="I175" s="156" t="s">
        <v>681</v>
      </c>
      <c r="J175" s="313"/>
    </row>
    <row r="176" spans="1:10" x14ac:dyDescent="0.25">
      <c r="A176" s="307"/>
      <c r="B176" s="307"/>
      <c r="C176" s="310"/>
      <c r="D176" s="313"/>
      <c r="E176" s="313"/>
      <c r="F176" s="313"/>
      <c r="G176" s="313"/>
      <c r="H176" s="313"/>
      <c r="I176" s="156" t="s">
        <v>682</v>
      </c>
      <c r="J176" s="313"/>
    </row>
    <row r="177" spans="1:10" x14ac:dyDescent="0.25">
      <c r="A177" s="307"/>
      <c r="B177" s="307"/>
      <c r="C177" s="310"/>
      <c r="D177" s="313"/>
      <c r="E177" s="313"/>
      <c r="F177" s="313"/>
      <c r="G177" s="313"/>
      <c r="H177" s="313"/>
      <c r="I177" s="156" t="s">
        <v>683</v>
      </c>
      <c r="J177" s="313"/>
    </row>
    <row r="178" spans="1:10" x14ac:dyDescent="0.25">
      <c r="A178" s="307"/>
      <c r="B178" s="307"/>
      <c r="C178" s="310"/>
      <c r="D178" s="313"/>
      <c r="E178" s="313"/>
      <c r="F178" s="313"/>
      <c r="G178" s="313"/>
      <c r="H178" s="313"/>
      <c r="I178" s="156" t="s">
        <v>684</v>
      </c>
      <c r="J178" s="313"/>
    </row>
    <row r="179" spans="1:10" x14ac:dyDescent="0.25">
      <c r="A179" s="307"/>
      <c r="B179" s="307"/>
      <c r="C179" s="310"/>
      <c r="D179" s="313"/>
      <c r="E179" s="313"/>
      <c r="F179" s="313"/>
      <c r="G179" s="313"/>
      <c r="H179" s="313"/>
      <c r="I179" s="156" t="s">
        <v>685</v>
      </c>
      <c r="J179" s="313"/>
    </row>
    <row r="180" spans="1:10" x14ac:dyDescent="0.25">
      <c r="A180" s="307"/>
      <c r="B180" s="307"/>
      <c r="C180" s="310"/>
      <c r="D180" s="313"/>
      <c r="E180" s="313"/>
      <c r="F180" s="313"/>
      <c r="G180" s="313"/>
      <c r="H180" s="313"/>
      <c r="I180" s="156" t="s">
        <v>686</v>
      </c>
      <c r="J180" s="313"/>
    </row>
    <row r="181" spans="1:10" x14ac:dyDescent="0.25">
      <c r="A181" s="307"/>
      <c r="B181" s="307"/>
      <c r="C181" s="310"/>
      <c r="D181" s="313"/>
      <c r="E181" s="313"/>
      <c r="F181" s="313"/>
      <c r="G181" s="313"/>
      <c r="H181" s="313"/>
      <c r="I181" s="156" t="s">
        <v>687</v>
      </c>
      <c r="J181" s="313"/>
    </row>
    <row r="182" spans="1:10" x14ac:dyDescent="0.25">
      <c r="A182" s="307"/>
      <c r="B182" s="307"/>
      <c r="C182" s="310"/>
      <c r="D182" s="313"/>
      <c r="E182" s="313"/>
      <c r="F182" s="313"/>
      <c r="G182" s="313"/>
      <c r="H182" s="313"/>
      <c r="I182" s="156" t="s">
        <v>688</v>
      </c>
      <c r="J182" s="313"/>
    </row>
    <row r="183" spans="1:10" ht="15.75" thickBot="1" x14ac:dyDescent="0.3">
      <c r="A183" s="307"/>
      <c r="B183" s="307"/>
      <c r="C183" s="311"/>
      <c r="D183" s="314"/>
      <c r="E183" s="314"/>
      <c r="F183" s="314"/>
      <c r="G183" s="314"/>
      <c r="H183" s="314"/>
      <c r="I183" s="157" t="s">
        <v>689</v>
      </c>
      <c r="J183" s="314"/>
    </row>
    <row r="184" spans="1:10" x14ac:dyDescent="0.25">
      <c r="A184" s="307"/>
      <c r="B184" s="307"/>
      <c r="C184" s="309" t="s">
        <v>690</v>
      </c>
      <c r="D184" s="312">
        <v>1</v>
      </c>
      <c r="E184" s="312">
        <v>10</v>
      </c>
      <c r="F184" s="312" t="s">
        <v>84</v>
      </c>
      <c r="G184" s="312" t="s">
        <v>84</v>
      </c>
      <c r="H184" s="312" t="s">
        <v>497</v>
      </c>
      <c r="I184" s="156" t="s">
        <v>691</v>
      </c>
      <c r="J184" s="312"/>
    </row>
    <row r="185" spans="1:10" ht="15.75" thickBot="1" x14ac:dyDescent="0.3">
      <c r="A185" s="307"/>
      <c r="B185" s="307"/>
      <c r="C185" s="311"/>
      <c r="D185" s="314"/>
      <c r="E185" s="314"/>
      <c r="F185" s="314"/>
      <c r="G185" s="314"/>
      <c r="H185" s="314"/>
      <c r="I185" s="157" t="s">
        <v>692</v>
      </c>
      <c r="J185" s="314"/>
    </row>
    <row r="186" spans="1:10" x14ac:dyDescent="0.25">
      <c r="A186" s="307"/>
      <c r="B186" s="307"/>
      <c r="C186" s="309" t="s">
        <v>693</v>
      </c>
      <c r="D186" s="312">
        <v>1</v>
      </c>
      <c r="E186" s="312">
        <v>10</v>
      </c>
      <c r="F186" s="312" t="s">
        <v>84</v>
      </c>
      <c r="G186" s="312" t="s">
        <v>84</v>
      </c>
      <c r="H186" s="312" t="s">
        <v>497</v>
      </c>
      <c r="I186" s="156" t="s">
        <v>694</v>
      </c>
      <c r="J186" s="312"/>
    </row>
    <row r="187" spans="1:10" x14ac:dyDescent="0.25">
      <c r="A187" s="307"/>
      <c r="B187" s="307"/>
      <c r="C187" s="310"/>
      <c r="D187" s="313"/>
      <c r="E187" s="313"/>
      <c r="F187" s="313"/>
      <c r="G187" s="313"/>
      <c r="H187" s="313"/>
      <c r="I187" s="156" t="s">
        <v>695</v>
      </c>
      <c r="J187" s="313"/>
    </row>
    <row r="188" spans="1:10" x14ac:dyDescent="0.25">
      <c r="A188" s="307"/>
      <c r="B188" s="307"/>
      <c r="C188" s="310"/>
      <c r="D188" s="313"/>
      <c r="E188" s="313"/>
      <c r="F188" s="313"/>
      <c r="G188" s="313"/>
      <c r="H188" s="313"/>
      <c r="I188" s="156" t="s">
        <v>696</v>
      </c>
      <c r="J188" s="313"/>
    </row>
    <row r="189" spans="1:10" ht="15.75" thickBot="1" x14ac:dyDescent="0.3">
      <c r="A189" s="307"/>
      <c r="B189" s="307"/>
      <c r="C189" s="311"/>
      <c r="D189" s="314"/>
      <c r="E189" s="314"/>
      <c r="F189" s="314"/>
      <c r="G189" s="314"/>
      <c r="H189" s="314"/>
      <c r="I189" s="157" t="s">
        <v>697</v>
      </c>
      <c r="J189" s="314"/>
    </row>
    <row r="190" spans="1:10" ht="15.75" thickBot="1" x14ac:dyDescent="0.3">
      <c r="A190" s="307"/>
      <c r="B190" s="307"/>
      <c r="C190" s="185" t="s">
        <v>698</v>
      </c>
      <c r="D190" s="157">
        <v>1</v>
      </c>
      <c r="E190" s="157">
        <v>10</v>
      </c>
      <c r="F190" s="157" t="s">
        <v>84</v>
      </c>
      <c r="G190" s="157" t="s">
        <v>84</v>
      </c>
      <c r="H190" s="157" t="s">
        <v>497</v>
      </c>
      <c r="I190" s="157" t="s">
        <v>699</v>
      </c>
      <c r="J190" s="157"/>
    </row>
    <row r="191" spans="1:10" ht="15.75" thickBot="1" x14ac:dyDescent="0.3">
      <c r="A191" s="307"/>
      <c r="B191" s="307"/>
      <c r="C191" s="185" t="s">
        <v>700</v>
      </c>
      <c r="D191" s="157">
        <v>1</v>
      </c>
      <c r="E191" s="157">
        <v>10</v>
      </c>
      <c r="F191" s="157" t="s">
        <v>84</v>
      </c>
      <c r="G191" s="157" t="s">
        <v>84</v>
      </c>
      <c r="H191" s="157" t="s">
        <v>497</v>
      </c>
      <c r="I191" s="157" t="s">
        <v>701</v>
      </c>
      <c r="J191" s="157"/>
    </row>
    <row r="192" spans="1:10" ht="15.75" thickBot="1" x14ac:dyDescent="0.3">
      <c r="A192" s="307"/>
      <c r="B192" s="307"/>
      <c r="C192" s="185" t="s">
        <v>702</v>
      </c>
      <c r="D192" s="157">
        <v>1</v>
      </c>
      <c r="E192" s="157">
        <v>10</v>
      </c>
      <c r="F192" s="157" t="s">
        <v>84</v>
      </c>
      <c r="G192" s="157" t="s">
        <v>84</v>
      </c>
      <c r="H192" s="157" t="s">
        <v>497</v>
      </c>
      <c r="I192" s="157" t="s">
        <v>703</v>
      </c>
      <c r="J192" s="157"/>
    </row>
    <row r="193" spans="1:10" x14ac:dyDescent="0.25">
      <c r="A193" s="307"/>
      <c r="B193" s="307"/>
      <c r="C193" s="309" t="s">
        <v>704</v>
      </c>
      <c r="D193" s="312">
        <v>2</v>
      </c>
      <c r="E193" s="312">
        <v>9</v>
      </c>
      <c r="F193" s="312" t="s">
        <v>84</v>
      </c>
      <c r="G193" s="312" t="s">
        <v>84</v>
      </c>
      <c r="H193" s="312" t="s">
        <v>497</v>
      </c>
      <c r="I193" s="156" t="s">
        <v>705</v>
      </c>
      <c r="J193" s="312"/>
    </row>
    <row r="194" spans="1:10" x14ac:dyDescent="0.25">
      <c r="A194" s="307"/>
      <c r="B194" s="307"/>
      <c r="C194" s="310"/>
      <c r="D194" s="313"/>
      <c r="E194" s="313"/>
      <c r="F194" s="313"/>
      <c r="G194" s="313"/>
      <c r="H194" s="313"/>
      <c r="I194" s="156" t="s">
        <v>706</v>
      </c>
      <c r="J194" s="313"/>
    </row>
    <row r="195" spans="1:10" x14ac:dyDescent="0.25">
      <c r="A195" s="307"/>
      <c r="B195" s="307"/>
      <c r="C195" s="310"/>
      <c r="D195" s="313"/>
      <c r="E195" s="313"/>
      <c r="F195" s="313"/>
      <c r="G195" s="313"/>
      <c r="H195" s="313"/>
      <c r="I195" s="156" t="s">
        <v>707</v>
      </c>
      <c r="J195" s="313"/>
    </row>
    <row r="196" spans="1:10" x14ac:dyDescent="0.25">
      <c r="A196" s="307"/>
      <c r="B196" s="307"/>
      <c r="C196" s="310"/>
      <c r="D196" s="313"/>
      <c r="E196" s="313"/>
      <c r="F196" s="313"/>
      <c r="G196" s="313"/>
      <c r="H196" s="313"/>
      <c r="I196" s="156" t="s">
        <v>708</v>
      </c>
      <c r="J196" s="313"/>
    </row>
    <row r="197" spans="1:10" ht="15.75" thickBot="1" x14ac:dyDescent="0.3">
      <c r="A197" s="307"/>
      <c r="B197" s="307"/>
      <c r="C197" s="311"/>
      <c r="D197" s="314"/>
      <c r="E197" s="314"/>
      <c r="F197" s="314"/>
      <c r="G197" s="314"/>
      <c r="H197" s="314"/>
      <c r="I197" s="157" t="s">
        <v>709</v>
      </c>
      <c r="J197" s="314"/>
    </row>
    <row r="198" spans="1:10" x14ac:dyDescent="0.25">
      <c r="A198" s="307"/>
      <c r="B198" s="307"/>
      <c r="C198" s="309" t="s">
        <v>710</v>
      </c>
      <c r="D198" s="312">
        <v>1</v>
      </c>
      <c r="E198" s="312">
        <v>10</v>
      </c>
      <c r="F198" s="312" t="s">
        <v>84</v>
      </c>
      <c r="G198" s="312" t="s">
        <v>84</v>
      </c>
      <c r="H198" s="312" t="s">
        <v>497</v>
      </c>
      <c r="I198" s="156" t="s">
        <v>711</v>
      </c>
      <c r="J198" s="312"/>
    </row>
    <row r="199" spans="1:10" x14ac:dyDescent="0.25">
      <c r="A199" s="307"/>
      <c r="B199" s="307"/>
      <c r="C199" s="310"/>
      <c r="D199" s="313"/>
      <c r="E199" s="313"/>
      <c r="F199" s="313"/>
      <c r="G199" s="313"/>
      <c r="H199" s="313"/>
      <c r="I199" s="156" t="s">
        <v>712</v>
      </c>
      <c r="J199" s="313"/>
    </row>
    <row r="200" spans="1:10" x14ac:dyDescent="0.25">
      <c r="A200" s="307"/>
      <c r="B200" s="307"/>
      <c r="C200" s="310"/>
      <c r="D200" s="313"/>
      <c r="E200" s="313"/>
      <c r="F200" s="313"/>
      <c r="G200" s="313"/>
      <c r="H200" s="313"/>
      <c r="I200" s="156" t="s">
        <v>713</v>
      </c>
      <c r="J200" s="313"/>
    </row>
    <row r="201" spans="1:10" x14ac:dyDescent="0.25">
      <c r="A201" s="307"/>
      <c r="B201" s="307"/>
      <c r="C201" s="310"/>
      <c r="D201" s="313"/>
      <c r="E201" s="313"/>
      <c r="F201" s="313"/>
      <c r="G201" s="313"/>
      <c r="H201" s="313"/>
      <c r="I201" s="156" t="s">
        <v>714</v>
      </c>
      <c r="J201" s="313"/>
    </row>
    <row r="202" spans="1:10" x14ac:dyDescent="0.25">
      <c r="A202" s="307"/>
      <c r="B202" s="307"/>
      <c r="C202" s="310"/>
      <c r="D202" s="313"/>
      <c r="E202" s="313"/>
      <c r="F202" s="313"/>
      <c r="G202" s="313"/>
      <c r="H202" s="313"/>
      <c r="I202" s="156" t="s">
        <v>715</v>
      </c>
      <c r="J202" s="313"/>
    </row>
    <row r="203" spans="1:10" ht="15.75" thickBot="1" x14ac:dyDescent="0.3">
      <c r="A203" s="307"/>
      <c r="B203" s="307"/>
      <c r="C203" s="311"/>
      <c r="D203" s="314"/>
      <c r="E203" s="314"/>
      <c r="F203" s="314"/>
      <c r="G203" s="314"/>
      <c r="H203" s="314"/>
      <c r="I203" s="157" t="s">
        <v>716</v>
      </c>
      <c r="J203" s="314"/>
    </row>
    <row r="204" spans="1:10" ht="15.75" thickBot="1" x14ac:dyDescent="0.3">
      <c r="A204" s="307"/>
      <c r="B204" s="307"/>
      <c r="C204" s="185" t="s">
        <v>717</v>
      </c>
      <c r="D204" s="157">
        <v>1</v>
      </c>
      <c r="E204" s="157">
        <v>10</v>
      </c>
      <c r="F204" s="157" t="s">
        <v>84</v>
      </c>
      <c r="G204" s="157" t="s">
        <v>84</v>
      </c>
      <c r="H204" s="157" t="s">
        <v>497</v>
      </c>
      <c r="I204" s="157" t="s">
        <v>718</v>
      </c>
      <c r="J204" s="157"/>
    </row>
    <row r="205" spans="1:10" x14ac:dyDescent="0.25">
      <c r="A205" s="307"/>
      <c r="B205" s="307"/>
      <c r="C205" s="309" t="s">
        <v>719</v>
      </c>
      <c r="D205" s="312">
        <v>2</v>
      </c>
      <c r="E205" s="312">
        <v>9</v>
      </c>
      <c r="F205" s="312" t="s">
        <v>84</v>
      </c>
      <c r="G205" s="312" t="s">
        <v>84</v>
      </c>
      <c r="H205" s="312" t="s">
        <v>497</v>
      </c>
      <c r="I205" s="156" t="s">
        <v>720</v>
      </c>
      <c r="J205" s="312"/>
    </row>
    <row r="206" spans="1:10" x14ac:dyDescent="0.25">
      <c r="A206" s="307"/>
      <c r="B206" s="307"/>
      <c r="C206" s="310"/>
      <c r="D206" s="313"/>
      <c r="E206" s="313"/>
      <c r="F206" s="313"/>
      <c r="G206" s="313"/>
      <c r="H206" s="313"/>
      <c r="I206" s="156" t="s">
        <v>721</v>
      </c>
      <c r="J206" s="313"/>
    </row>
    <row r="207" spans="1:10" x14ac:dyDescent="0.2">
      <c r="A207" s="307"/>
      <c r="B207" s="307"/>
      <c r="C207" s="310"/>
      <c r="D207" s="313"/>
      <c r="E207" s="313"/>
      <c r="F207" s="313"/>
      <c r="G207" s="313"/>
      <c r="H207" s="313"/>
      <c r="I207" s="279" t="s">
        <v>856</v>
      </c>
      <c r="J207" s="313"/>
    </row>
    <row r="208" spans="1:10" x14ac:dyDescent="0.2">
      <c r="A208" s="307"/>
      <c r="B208" s="307"/>
      <c r="C208" s="310"/>
      <c r="D208" s="313"/>
      <c r="E208" s="313"/>
      <c r="F208" s="313"/>
      <c r="G208" s="313"/>
      <c r="H208" s="313"/>
      <c r="I208" s="279" t="s">
        <v>857</v>
      </c>
      <c r="J208" s="313"/>
    </row>
    <row r="209" spans="1:10" x14ac:dyDescent="0.2">
      <c r="A209" s="307"/>
      <c r="B209" s="307"/>
      <c r="C209" s="310"/>
      <c r="D209" s="313"/>
      <c r="E209" s="313"/>
      <c r="F209" s="313"/>
      <c r="G209" s="313"/>
      <c r="H209" s="313"/>
      <c r="I209" s="279" t="s">
        <v>858</v>
      </c>
      <c r="J209" s="313"/>
    </row>
    <row r="210" spans="1:10" x14ac:dyDescent="0.2">
      <c r="A210" s="307"/>
      <c r="B210" s="307"/>
      <c r="C210" s="310"/>
      <c r="D210" s="313"/>
      <c r="E210" s="313"/>
      <c r="F210" s="313"/>
      <c r="G210" s="313"/>
      <c r="H210" s="313"/>
      <c r="I210" s="279" t="s">
        <v>859</v>
      </c>
      <c r="J210" s="313"/>
    </row>
    <row r="211" spans="1:10" x14ac:dyDescent="0.2">
      <c r="A211" s="307"/>
      <c r="B211" s="307"/>
      <c r="C211" s="310"/>
      <c r="D211" s="313"/>
      <c r="E211" s="313"/>
      <c r="F211" s="313"/>
      <c r="G211" s="313"/>
      <c r="H211" s="313"/>
      <c r="I211" s="279" t="s">
        <v>860</v>
      </c>
      <c r="J211" s="313"/>
    </row>
    <row r="212" spans="1:10" x14ac:dyDescent="0.2">
      <c r="A212" s="307"/>
      <c r="B212" s="307"/>
      <c r="C212" s="310"/>
      <c r="D212" s="313"/>
      <c r="E212" s="313"/>
      <c r="F212" s="313"/>
      <c r="G212" s="313"/>
      <c r="H212" s="313"/>
      <c r="I212" s="279" t="s">
        <v>861</v>
      </c>
      <c r="J212" s="313"/>
    </row>
    <row r="213" spans="1:10" ht="15.75" thickBot="1" x14ac:dyDescent="0.3">
      <c r="A213" s="307"/>
      <c r="B213" s="307"/>
      <c r="C213" s="311"/>
      <c r="D213" s="314"/>
      <c r="E213" s="314"/>
      <c r="F213" s="314"/>
      <c r="G213" s="314"/>
      <c r="H213" s="314"/>
      <c r="I213" s="157" t="s">
        <v>722</v>
      </c>
      <c r="J213" s="314"/>
    </row>
    <row r="214" spans="1:10" x14ac:dyDescent="0.25">
      <c r="A214" s="307"/>
      <c r="B214" s="307"/>
      <c r="C214" s="309" t="s">
        <v>724</v>
      </c>
      <c r="D214" s="312">
        <v>1</v>
      </c>
      <c r="E214" s="312">
        <v>10</v>
      </c>
      <c r="F214" s="312" t="s">
        <v>84</v>
      </c>
      <c r="G214" s="312" t="s">
        <v>84</v>
      </c>
      <c r="H214" s="312" t="s">
        <v>497</v>
      </c>
      <c r="I214" s="155" t="s">
        <v>725</v>
      </c>
    </row>
    <row r="215" spans="1:10" ht="15.75" thickBot="1" x14ac:dyDescent="0.3">
      <c r="A215" s="307"/>
      <c r="B215" s="307"/>
      <c r="C215" s="311"/>
      <c r="D215" s="314"/>
      <c r="E215" s="314"/>
      <c r="F215" s="314"/>
      <c r="G215" s="314"/>
      <c r="H215" s="314"/>
      <c r="I215" s="157" t="s">
        <v>726</v>
      </c>
    </row>
    <row r="216" spans="1:10" ht="15.75" thickBot="1" x14ac:dyDescent="0.3">
      <c r="A216" s="307"/>
      <c r="B216" s="307"/>
      <c r="C216" s="278" t="s">
        <v>727</v>
      </c>
      <c r="D216" s="157">
        <v>2</v>
      </c>
      <c r="E216" s="157">
        <v>9</v>
      </c>
      <c r="F216" s="157" t="s">
        <v>84</v>
      </c>
      <c r="G216" s="157" t="s">
        <v>84</v>
      </c>
      <c r="H216" s="157" t="s">
        <v>497</v>
      </c>
      <c r="I216" s="157" t="s">
        <v>728</v>
      </c>
    </row>
    <row r="217" spans="1:10" ht="15.75" thickBot="1" x14ac:dyDescent="0.3">
      <c r="A217" s="307"/>
      <c r="B217" s="307"/>
      <c r="C217" s="278" t="s">
        <v>729</v>
      </c>
      <c r="D217" s="157">
        <v>1</v>
      </c>
      <c r="E217" s="157">
        <v>10</v>
      </c>
      <c r="F217" s="157" t="s">
        <v>84</v>
      </c>
      <c r="G217" s="157" t="s">
        <v>84</v>
      </c>
      <c r="H217" s="157" t="s">
        <v>497</v>
      </c>
      <c r="I217" s="157" t="s">
        <v>730</v>
      </c>
    </row>
    <row r="218" spans="1:10" ht="15.75" thickBot="1" x14ac:dyDescent="0.3">
      <c r="A218" s="307"/>
      <c r="B218" s="307"/>
      <c r="C218" s="278"/>
      <c r="D218" s="157"/>
      <c r="E218" s="157"/>
      <c r="F218" s="157"/>
      <c r="G218" s="157"/>
      <c r="H218" s="157"/>
      <c r="I218" s="157" t="s">
        <v>862</v>
      </c>
    </row>
    <row r="219" spans="1:10" ht="15.75" thickBot="1" x14ac:dyDescent="0.3">
      <c r="A219" s="307"/>
      <c r="B219" s="307"/>
      <c r="C219" s="278" t="s">
        <v>731</v>
      </c>
      <c r="D219" s="157">
        <v>1</v>
      </c>
      <c r="E219" s="157">
        <v>10</v>
      </c>
      <c r="F219" s="157" t="s">
        <v>84</v>
      </c>
      <c r="G219" s="157" t="s">
        <v>84</v>
      </c>
      <c r="H219" s="157" t="s">
        <v>497</v>
      </c>
      <c r="I219" s="157" t="s">
        <v>732</v>
      </c>
    </row>
    <row r="220" spans="1:10" x14ac:dyDescent="0.25">
      <c r="A220" s="307"/>
      <c r="B220" s="307"/>
      <c r="C220" s="309" t="s">
        <v>733</v>
      </c>
      <c r="D220" s="312">
        <v>1</v>
      </c>
      <c r="E220" s="312">
        <v>10</v>
      </c>
      <c r="F220" s="312" t="s">
        <v>84</v>
      </c>
      <c r="G220" s="312" t="s">
        <v>84</v>
      </c>
      <c r="H220" s="312" t="s">
        <v>497</v>
      </c>
      <c r="I220" s="155" t="s">
        <v>734</v>
      </c>
    </row>
    <row r="221" spans="1:10" x14ac:dyDescent="0.25">
      <c r="A221" s="307"/>
      <c r="B221" s="307"/>
      <c r="C221" s="310"/>
      <c r="D221" s="313"/>
      <c r="E221" s="313"/>
      <c r="F221" s="313"/>
      <c r="G221" s="313"/>
      <c r="H221" s="313"/>
      <c r="I221" s="156" t="s">
        <v>735</v>
      </c>
    </row>
    <row r="222" spans="1:10" x14ac:dyDescent="0.25">
      <c r="A222" s="307"/>
      <c r="B222" s="307"/>
      <c r="C222" s="310"/>
      <c r="D222" s="313"/>
      <c r="E222" s="313"/>
      <c r="F222" s="313"/>
      <c r="G222" s="313"/>
      <c r="H222" s="313"/>
      <c r="I222" s="156" t="s">
        <v>736</v>
      </c>
    </row>
    <row r="223" spans="1:10" x14ac:dyDescent="0.25">
      <c r="A223" s="307"/>
      <c r="B223" s="307"/>
      <c r="C223" s="310"/>
      <c r="D223" s="313"/>
      <c r="E223" s="313"/>
      <c r="F223" s="313"/>
      <c r="G223" s="313"/>
      <c r="H223" s="313"/>
      <c r="I223" s="156" t="s">
        <v>737</v>
      </c>
    </row>
    <row r="224" spans="1:10" x14ac:dyDescent="0.25">
      <c r="A224" s="307"/>
      <c r="B224" s="307"/>
      <c r="C224" s="310"/>
      <c r="D224" s="313"/>
      <c r="E224" s="313"/>
      <c r="F224" s="313"/>
      <c r="G224" s="313"/>
      <c r="H224" s="313"/>
      <c r="I224" s="156" t="s">
        <v>738</v>
      </c>
    </row>
    <row r="225" spans="1:9" x14ac:dyDescent="0.25">
      <c r="A225" s="307"/>
      <c r="B225" s="307"/>
      <c r="C225" s="310"/>
      <c r="D225" s="313"/>
      <c r="E225" s="313"/>
      <c r="F225" s="313"/>
      <c r="G225" s="313"/>
      <c r="H225" s="313"/>
      <c r="I225" s="156" t="s">
        <v>739</v>
      </c>
    </row>
    <row r="226" spans="1:9" x14ac:dyDescent="0.25">
      <c r="A226" s="307"/>
      <c r="B226" s="307"/>
      <c r="C226" s="310"/>
      <c r="D226" s="313"/>
      <c r="E226" s="313"/>
      <c r="F226" s="313"/>
      <c r="G226" s="313"/>
      <c r="H226" s="313"/>
      <c r="I226" s="156" t="s">
        <v>740</v>
      </c>
    </row>
    <row r="227" spans="1:9" x14ac:dyDescent="0.25">
      <c r="A227" s="307"/>
      <c r="B227" s="307"/>
      <c r="C227" s="310"/>
      <c r="D227" s="313"/>
      <c r="E227" s="313"/>
      <c r="F227" s="313"/>
      <c r="G227" s="313"/>
      <c r="H227" s="313"/>
      <c r="I227" s="156" t="s">
        <v>741</v>
      </c>
    </row>
    <row r="228" spans="1:9" x14ac:dyDescent="0.25">
      <c r="A228" s="307"/>
      <c r="B228" s="307"/>
      <c r="C228" s="310"/>
      <c r="D228" s="313"/>
      <c r="E228" s="313"/>
      <c r="F228" s="313"/>
      <c r="G228" s="313"/>
      <c r="H228" s="313"/>
      <c r="I228" s="156" t="s">
        <v>742</v>
      </c>
    </row>
    <row r="229" spans="1:9" x14ac:dyDescent="0.25">
      <c r="A229" s="307"/>
      <c r="B229" s="307"/>
      <c r="C229" s="310"/>
      <c r="D229" s="313"/>
      <c r="E229" s="313"/>
      <c r="F229" s="313"/>
      <c r="G229" s="313"/>
      <c r="H229" s="313"/>
      <c r="I229" s="156" t="s">
        <v>743</v>
      </c>
    </row>
    <row r="230" spans="1:9" x14ac:dyDescent="0.25">
      <c r="A230" s="307"/>
      <c r="B230" s="307"/>
      <c r="C230" s="310"/>
      <c r="D230" s="313"/>
      <c r="E230" s="313"/>
      <c r="F230" s="313"/>
      <c r="G230" s="313"/>
      <c r="H230" s="313"/>
      <c r="I230" s="156" t="s">
        <v>744</v>
      </c>
    </row>
    <row r="231" spans="1:9" x14ac:dyDescent="0.25">
      <c r="A231" s="307"/>
      <c r="B231" s="307"/>
      <c r="C231" s="310"/>
      <c r="D231" s="313"/>
      <c r="E231" s="313"/>
      <c r="F231" s="313"/>
      <c r="G231" s="313"/>
      <c r="H231" s="313"/>
      <c r="I231" s="156" t="s">
        <v>745</v>
      </c>
    </row>
    <row r="232" spans="1:9" x14ac:dyDescent="0.25">
      <c r="A232" s="307"/>
      <c r="B232" s="307"/>
      <c r="C232" s="310"/>
      <c r="D232" s="313"/>
      <c r="E232" s="313"/>
      <c r="F232" s="313"/>
      <c r="G232" s="313"/>
      <c r="H232" s="313"/>
      <c r="I232" s="156" t="s">
        <v>746</v>
      </c>
    </row>
    <row r="233" spans="1:9" ht="15.75" thickBot="1" x14ac:dyDescent="0.3">
      <c r="A233" s="307"/>
      <c r="B233" s="307"/>
      <c r="C233" s="311"/>
      <c r="D233" s="314"/>
      <c r="E233" s="314"/>
      <c r="F233" s="314"/>
      <c r="G233" s="314"/>
      <c r="H233" s="314"/>
      <c r="I233" s="157" t="s">
        <v>747</v>
      </c>
    </row>
    <row r="234" spans="1:9" x14ac:dyDescent="0.25">
      <c r="A234" s="307"/>
      <c r="B234" s="307"/>
      <c r="C234" s="309" t="s">
        <v>748</v>
      </c>
      <c r="D234" s="312">
        <v>2</v>
      </c>
      <c r="E234" s="312">
        <v>9</v>
      </c>
      <c r="F234" s="312" t="s">
        <v>84</v>
      </c>
      <c r="G234" s="312" t="s">
        <v>84</v>
      </c>
      <c r="H234" s="312" t="s">
        <v>497</v>
      </c>
      <c r="I234" s="156" t="s">
        <v>749</v>
      </c>
    </row>
    <row r="235" spans="1:9" x14ac:dyDescent="0.25">
      <c r="A235" s="307"/>
      <c r="B235" s="307"/>
      <c r="C235" s="310"/>
      <c r="D235" s="313"/>
      <c r="E235" s="313"/>
      <c r="F235" s="313"/>
      <c r="G235" s="313"/>
      <c r="H235" s="313"/>
      <c r="I235" s="156" t="s">
        <v>750</v>
      </c>
    </row>
    <row r="236" spans="1:9" ht="15.75" thickBot="1" x14ac:dyDescent="0.3">
      <c r="A236" s="307"/>
      <c r="B236" s="307"/>
      <c r="C236" s="311"/>
      <c r="D236" s="314"/>
      <c r="E236" s="314"/>
      <c r="F236" s="314"/>
      <c r="G236" s="314"/>
      <c r="H236" s="314"/>
      <c r="I236" s="157" t="s">
        <v>751</v>
      </c>
    </row>
    <row r="237" spans="1:9" x14ac:dyDescent="0.25">
      <c r="A237" s="307"/>
      <c r="B237" s="307"/>
      <c r="C237" s="309" t="s">
        <v>752</v>
      </c>
      <c r="D237" s="312">
        <v>1</v>
      </c>
      <c r="E237" s="312">
        <v>10</v>
      </c>
      <c r="F237" s="312" t="s">
        <v>84</v>
      </c>
      <c r="G237" s="312" t="s">
        <v>84</v>
      </c>
      <c r="H237" s="312" t="s">
        <v>497</v>
      </c>
      <c r="I237" s="156" t="s">
        <v>753</v>
      </c>
    </row>
    <row r="238" spans="1:9" ht="15.75" thickBot="1" x14ac:dyDescent="0.3">
      <c r="A238" s="307"/>
      <c r="B238" s="307"/>
      <c r="C238" s="311"/>
      <c r="D238" s="314"/>
      <c r="E238" s="314"/>
      <c r="F238" s="314"/>
      <c r="G238" s="314"/>
      <c r="H238" s="314"/>
      <c r="I238" s="157" t="s">
        <v>754</v>
      </c>
    </row>
    <row r="239" spans="1:9" ht="15.75" thickBot="1" x14ac:dyDescent="0.3">
      <c r="A239" s="307"/>
      <c r="B239" s="307"/>
      <c r="C239" s="278" t="s">
        <v>755</v>
      </c>
      <c r="D239" s="157">
        <v>1</v>
      </c>
      <c r="E239" s="157">
        <v>10</v>
      </c>
      <c r="F239" s="157" t="s">
        <v>84</v>
      </c>
      <c r="G239" s="157" t="s">
        <v>84</v>
      </c>
      <c r="H239" s="157" t="s">
        <v>497</v>
      </c>
      <c r="I239" s="157" t="s">
        <v>728</v>
      </c>
    </row>
    <row r="240" spans="1:9" x14ac:dyDescent="0.25">
      <c r="A240" s="307"/>
      <c r="B240" s="307"/>
      <c r="C240" s="309" t="s">
        <v>756</v>
      </c>
      <c r="D240" s="312">
        <v>2</v>
      </c>
      <c r="E240" s="312">
        <v>9</v>
      </c>
      <c r="F240" s="312" t="s">
        <v>84</v>
      </c>
      <c r="G240" s="312" t="s">
        <v>84</v>
      </c>
      <c r="H240" s="312" t="s">
        <v>497</v>
      </c>
      <c r="I240" s="156" t="s">
        <v>757</v>
      </c>
    </row>
    <row r="241" spans="1:9" x14ac:dyDescent="0.25">
      <c r="A241" s="307"/>
      <c r="B241" s="307"/>
      <c r="C241" s="310"/>
      <c r="D241" s="313"/>
      <c r="E241" s="313"/>
      <c r="F241" s="313"/>
      <c r="G241" s="313"/>
      <c r="H241" s="313"/>
      <c r="I241" s="156" t="s">
        <v>758</v>
      </c>
    </row>
    <row r="242" spans="1:9" ht="15.75" thickBot="1" x14ac:dyDescent="0.3">
      <c r="A242" s="307"/>
      <c r="B242" s="307"/>
      <c r="C242" s="311"/>
      <c r="D242" s="314"/>
      <c r="E242" s="314"/>
      <c r="F242" s="314"/>
      <c r="G242" s="314"/>
      <c r="H242" s="314"/>
      <c r="I242" s="157" t="s">
        <v>759</v>
      </c>
    </row>
    <row r="243" spans="1:9" x14ac:dyDescent="0.25">
      <c r="A243" s="307"/>
      <c r="B243" s="307"/>
      <c r="C243" s="309" t="s">
        <v>760</v>
      </c>
      <c r="D243" s="312">
        <v>2</v>
      </c>
      <c r="E243" s="312">
        <v>9</v>
      </c>
      <c r="F243" s="312" t="s">
        <v>84</v>
      </c>
      <c r="G243" s="312" t="s">
        <v>84</v>
      </c>
      <c r="H243" s="312" t="s">
        <v>497</v>
      </c>
      <c r="I243" s="156" t="s">
        <v>761</v>
      </c>
    </row>
    <row r="244" spans="1:9" x14ac:dyDescent="0.25">
      <c r="A244" s="307"/>
      <c r="B244" s="307"/>
      <c r="C244" s="310"/>
      <c r="D244" s="313"/>
      <c r="E244" s="313"/>
      <c r="F244" s="313"/>
      <c r="G244" s="313"/>
      <c r="H244" s="313"/>
      <c r="I244" s="156" t="s">
        <v>762</v>
      </c>
    </row>
    <row r="245" spans="1:9" x14ac:dyDescent="0.25">
      <c r="A245" s="307"/>
      <c r="B245" s="307"/>
      <c r="C245" s="310"/>
      <c r="D245" s="313"/>
      <c r="E245" s="313"/>
      <c r="F245" s="313"/>
      <c r="G245" s="313"/>
      <c r="H245" s="313"/>
      <c r="I245" s="156" t="s">
        <v>763</v>
      </c>
    </row>
    <row r="246" spans="1:9" x14ac:dyDescent="0.25">
      <c r="A246" s="307"/>
      <c r="B246" s="307"/>
      <c r="C246" s="310"/>
      <c r="D246" s="313"/>
      <c r="E246" s="313"/>
      <c r="F246" s="313"/>
      <c r="G246" s="313"/>
      <c r="H246" s="313"/>
      <c r="I246" s="156" t="s">
        <v>764</v>
      </c>
    </row>
    <row r="247" spans="1:9" x14ac:dyDescent="0.25">
      <c r="A247" s="307"/>
      <c r="B247" s="307"/>
      <c r="C247" s="310"/>
      <c r="D247" s="313"/>
      <c r="E247" s="313"/>
      <c r="F247" s="313"/>
      <c r="G247" s="313"/>
      <c r="H247" s="313"/>
      <c r="I247" s="156" t="s">
        <v>765</v>
      </c>
    </row>
    <row r="248" spans="1:9" x14ac:dyDescent="0.25">
      <c r="A248" s="307"/>
      <c r="B248" s="307"/>
      <c r="C248" s="310"/>
      <c r="D248" s="313"/>
      <c r="E248" s="313"/>
      <c r="F248" s="313"/>
      <c r="G248" s="313"/>
      <c r="H248" s="313"/>
      <c r="I248" s="156" t="s">
        <v>766</v>
      </c>
    </row>
    <row r="249" spans="1:9" x14ac:dyDescent="0.25">
      <c r="A249" s="307"/>
      <c r="B249" s="307"/>
      <c r="C249" s="310"/>
      <c r="D249" s="313"/>
      <c r="E249" s="313"/>
      <c r="F249" s="313"/>
      <c r="G249" s="313"/>
      <c r="H249" s="313"/>
      <c r="I249" s="156" t="s">
        <v>767</v>
      </c>
    </row>
    <row r="250" spans="1:9" x14ac:dyDescent="0.25">
      <c r="A250" s="307"/>
      <c r="B250" s="307"/>
      <c r="C250" s="310"/>
      <c r="D250" s="313"/>
      <c r="E250" s="313"/>
      <c r="F250" s="313"/>
      <c r="G250" s="313"/>
      <c r="H250" s="313"/>
      <c r="I250" s="156" t="s">
        <v>768</v>
      </c>
    </row>
    <row r="251" spans="1:9" ht="15.75" thickBot="1" x14ac:dyDescent="0.3">
      <c r="A251" s="307"/>
      <c r="B251" s="307"/>
      <c r="C251" s="311"/>
      <c r="D251" s="314"/>
      <c r="E251" s="314"/>
      <c r="F251" s="314"/>
      <c r="G251" s="314"/>
      <c r="H251" s="314"/>
      <c r="I251" s="157" t="s">
        <v>769</v>
      </c>
    </row>
    <row r="252" spans="1:9" ht="15.75" thickBot="1" x14ac:dyDescent="0.3">
      <c r="A252" s="307"/>
      <c r="B252" s="307"/>
      <c r="C252" s="278" t="s">
        <v>770</v>
      </c>
      <c r="D252" s="157">
        <v>1</v>
      </c>
      <c r="E252" s="157">
        <v>10</v>
      </c>
      <c r="F252" s="157" t="s">
        <v>84</v>
      </c>
      <c r="G252" s="157" t="s">
        <v>84</v>
      </c>
      <c r="H252" s="157" t="s">
        <v>497</v>
      </c>
      <c r="I252" s="157" t="s">
        <v>771</v>
      </c>
    </row>
    <row r="253" spans="1:9" ht="15.75" thickBot="1" x14ac:dyDescent="0.3">
      <c r="A253" s="307"/>
      <c r="B253" s="307"/>
      <c r="C253" s="278" t="s">
        <v>772</v>
      </c>
      <c r="D253" s="157">
        <v>1</v>
      </c>
      <c r="E253" s="157">
        <v>10</v>
      </c>
      <c r="F253" s="157" t="s">
        <v>84</v>
      </c>
      <c r="G253" s="157" t="s">
        <v>84</v>
      </c>
      <c r="H253" s="157" t="s">
        <v>497</v>
      </c>
      <c r="I253" s="157" t="s">
        <v>773</v>
      </c>
    </row>
    <row r="254" spans="1:9" ht="15.75" thickBot="1" x14ac:dyDescent="0.3">
      <c r="A254" s="307"/>
      <c r="B254" s="307"/>
      <c r="C254" s="164" t="s">
        <v>774</v>
      </c>
      <c r="D254" s="161">
        <v>1</v>
      </c>
      <c r="E254" s="161">
        <v>10</v>
      </c>
      <c r="F254" s="161" t="s">
        <v>84</v>
      </c>
      <c r="G254" s="161" t="s">
        <v>84</v>
      </c>
      <c r="H254" s="161" t="s">
        <v>497</v>
      </c>
      <c r="I254" s="161" t="s">
        <v>775</v>
      </c>
    </row>
    <row r="255" spans="1:9" ht="15.75" thickBot="1" x14ac:dyDescent="0.3">
      <c r="A255" s="307"/>
      <c r="B255" s="307"/>
      <c r="C255" s="278" t="s">
        <v>776</v>
      </c>
      <c r="D255" s="157">
        <v>1</v>
      </c>
      <c r="E255" s="157">
        <v>10</v>
      </c>
      <c r="F255" s="157" t="s">
        <v>84</v>
      </c>
      <c r="G255" s="157" t="s">
        <v>84</v>
      </c>
      <c r="H255" s="157" t="s">
        <v>497</v>
      </c>
      <c r="I255" s="157" t="s">
        <v>777</v>
      </c>
    </row>
    <row r="256" spans="1:9" x14ac:dyDescent="0.25">
      <c r="A256" s="307"/>
      <c r="B256" s="307"/>
      <c r="C256" s="309" t="s">
        <v>778</v>
      </c>
      <c r="D256" s="312">
        <v>1</v>
      </c>
      <c r="E256" s="312">
        <v>10</v>
      </c>
      <c r="F256" s="312" t="s">
        <v>84</v>
      </c>
      <c r="G256" s="312" t="s">
        <v>84</v>
      </c>
      <c r="H256" s="312" t="s">
        <v>497</v>
      </c>
      <c r="I256" s="156" t="s">
        <v>779</v>
      </c>
    </row>
    <row r="257" spans="1:9" x14ac:dyDescent="0.25">
      <c r="A257" s="307"/>
      <c r="B257" s="307"/>
      <c r="C257" s="310"/>
      <c r="D257" s="313"/>
      <c r="E257" s="313"/>
      <c r="F257" s="313"/>
      <c r="G257" s="313"/>
      <c r="H257" s="313"/>
      <c r="I257" s="156" t="s">
        <v>780</v>
      </c>
    </row>
    <row r="258" spans="1:9" x14ac:dyDescent="0.25">
      <c r="A258" s="307"/>
      <c r="B258" s="307"/>
      <c r="C258" s="310"/>
      <c r="D258" s="313"/>
      <c r="E258" s="313"/>
      <c r="F258" s="313"/>
      <c r="G258" s="313"/>
      <c r="H258" s="313"/>
      <c r="I258" s="156" t="s">
        <v>781</v>
      </c>
    </row>
    <row r="259" spans="1:9" x14ac:dyDescent="0.25">
      <c r="A259" s="307"/>
      <c r="B259" s="307"/>
      <c r="C259" s="310"/>
      <c r="D259" s="313"/>
      <c r="E259" s="313"/>
      <c r="F259" s="313"/>
      <c r="G259" s="313"/>
      <c r="H259" s="313"/>
      <c r="I259" s="156" t="s">
        <v>782</v>
      </c>
    </row>
    <row r="260" spans="1:9" ht="15.75" thickBot="1" x14ac:dyDescent="0.3">
      <c r="A260" s="307"/>
      <c r="B260" s="307"/>
      <c r="C260" s="311"/>
      <c r="D260" s="314"/>
      <c r="E260" s="314"/>
      <c r="F260" s="314"/>
      <c r="G260" s="314"/>
      <c r="H260" s="314"/>
      <c r="I260" s="157" t="s">
        <v>783</v>
      </c>
    </row>
    <row r="261" spans="1:9" ht="15.75" thickBot="1" x14ac:dyDescent="0.3">
      <c r="A261" s="307"/>
      <c r="B261" s="307"/>
      <c r="C261" s="278" t="s">
        <v>784</v>
      </c>
      <c r="D261" s="157">
        <v>2</v>
      </c>
      <c r="E261" s="157">
        <v>9</v>
      </c>
      <c r="F261" s="157" t="s">
        <v>84</v>
      </c>
      <c r="G261" s="157" t="s">
        <v>84</v>
      </c>
      <c r="H261" s="157" t="s">
        <v>497</v>
      </c>
      <c r="I261" s="157" t="s">
        <v>728</v>
      </c>
    </row>
    <row r="262" spans="1:9" x14ac:dyDescent="0.25">
      <c r="A262" s="307"/>
      <c r="B262" s="307"/>
      <c r="C262" s="309" t="s">
        <v>785</v>
      </c>
      <c r="D262" s="312">
        <v>1</v>
      </c>
      <c r="E262" s="312">
        <v>10</v>
      </c>
      <c r="F262" s="312" t="s">
        <v>84</v>
      </c>
      <c r="G262" s="312" t="s">
        <v>84</v>
      </c>
      <c r="H262" s="312" t="s">
        <v>497</v>
      </c>
      <c r="I262" s="156" t="s">
        <v>786</v>
      </c>
    </row>
    <row r="263" spans="1:9" x14ac:dyDescent="0.25">
      <c r="A263" s="307"/>
      <c r="B263" s="307"/>
      <c r="C263" s="310"/>
      <c r="D263" s="313"/>
      <c r="E263" s="313"/>
      <c r="F263" s="313"/>
      <c r="G263" s="313"/>
      <c r="H263" s="313"/>
      <c r="I263" s="156" t="s">
        <v>787</v>
      </c>
    </row>
    <row r="264" spans="1:9" x14ac:dyDescent="0.2">
      <c r="A264" s="307"/>
      <c r="B264" s="307"/>
      <c r="C264" s="310"/>
      <c r="D264" s="313"/>
      <c r="E264" s="313"/>
      <c r="F264" s="313"/>
      <c r="G264" s="313"/>
      <c r="H264" s="313"/>
      <c r="I264" s="279" t="s">
        <v>863</v>
      </c>
    </row>
    <row r="265" spans="1:9" x14ac:dyDescent="0.2">
      <c r="A265" s="307"/>
      <c r="B265" s="307"/>
      <c r="C265" s="310"/>
      <c r="D265" s="313"/>
      <c r="E265" s="313"/>
      <c r="F265" s="313"/>
      <c r="G265" s="313"/>
      <c r="H265" s="313"/>
      <c r="I265" s="279" t="s">
        <v>864</v>
      </c>
    </row>
    <row r="266" spans="1:9" x14ac:dyDescent="0.2">
      <c r="A266" s="307"/>
      <c r="B266" s="307"/>
      <c r="C266" s="310"/>
      <c r="D266" s="313"/>
      <c r="E266" s="313"/>
      <c r="F266" s="313"/>
      <c r="G266" s="313"/>
      <c r="H266" s="313"/>
      <c r="I266" s="279" t="s">
        <v>865</v>
      </c>
    </row>
    <row r="267" spans="1:9" x14ac:dyDescent="0.2">
      <c r="A267" s="307"/>
      <c r="B267" s="307"/>
      <c r="C267" s="310"/>
      <c r="D267" s="313"/>
      <c r="E267" s="313"/>
      <c r="F267" s="313"/>
      <c r="G267" s="313"/>
      <c r="H267" s="313"/>
      <c r="I267" s="279" t="s">
        <v>866</v>
      </c>
    </row>
    <row r="268" spans="1:9" x14ac:dyDescent="0.2">
      <c r="A268" s="307"/>
      <c r="B268" s="307"/>
      <c r="C268" s="310"/>
      <c r="D268" s="313"/>
      <c r="E268" s="313"/>
      <c r="F268" s="313"/>
      <c r="G268" s="313"/>
      <c r="H268" s="313"/>
      <c r="I268" s="279" t="s">
        <v>867</v>
      </c>
    </row>
    <row r="269" spans="1:9" x14ac:dyDescent="0.2">
      <c r="A269" s="307"/>
      <c r="B269" s="307"/>
      <c r="C269" s="310"/>
      <c r="D269" s="313"/>
      <c r="E269" s="313"/>
      <c r="F269" s="313"/>
      <c r="G269" s="313"/>
      <c r="H269" s="313"/>
      <c r="I269" s="279" t="s">
        <v>868</v>
      </c>
    </row>
    <row r="270" spans="1:9" x14ac:dyDescent="0.2">
      <c r="A270" s="307"/>
      <c r="B270" s="307"/>
      <c r="C270" s="310"/>
      <c r="D270" s="313"/>
      <c r="E270" s="313"/>
      <c r="F270" s="313"/>
      <c r="G270" s="313"/>
      <c r="H270" s="313"/>
      <c r="I270" s="279" t="s">
        <v>869</v>
      </c>
    </row>
    <row r="271" spans="1:9" x14ac:dyDescent="0.2">
      <c r="A271" s="307"/>
      <c r="B271" s="307"/>
      <c r="C271" s="310"/>
      <c r="D271" s="313"/>
      <c r="E271" s="313"/>
      <c r="F271" s="313"/>
      <c r="G271" s="313"/>
      <c r="H271" s="313"/>
      <c r="I271" s="279" t="s">
        <v>870</v>
      </c>
    </row>
    <row r="272" spans="1:9" x14ac:dyDescent="0.2">
      <c r="A272" s="307"/>
      <c r="B272" s="307"/>
      <c r="C272" s="310"/>
      <c r="D272" s="313"/>
      <c r="E272" s="313"/>
      <c r="F272" s="313"/>
      <c r="G272" s="313"/>
      <c r="H272" s="313"/>
      <c r="I272" s="279" t="s">
        <v>871</v>
      </c>
    </row>
    <row r="273" spans="1:9" x14ac:dyDescent="0.2">
      <c r="A273" s="307"/>
      <c r="B273" s="307"/>
      <c r="C273" s="310"/>
      <c r="D273" s="313"/>
      <c r="E273" s="313"/>
      <c r="F273" s="313"/>
      <c r="G273" s="313"/>
      <c r="H273" s="313"/>
      <c r="I273" s="279" t="s">
        <v>872</v>
      </c>
    </row>
    <row r="274" spans="1:9" x14ac:dyDescent="0.2">
      <c r="A274" s="307"/>
      <c r="B274" s="307"/>
      <c r="C274" s="310"/>
      <c r="D274" s="313"/>
      <c r="E274" s="313"/>
      <c r="F274" s="313"/>
      <c r="G274" s="313"/>
      <c r="H274" s="313"/>
      <c r="I274" s="279" t="s">
        <v>873</v>
      </c>
    </row>
    <row r="275" spans="1:9" x14ac:dyDescent="0.2">
      <c r="A275" s="307"/>
      <c r="B275" s="307"/>
      <c r="C275" s="310"/>
      <c r="D275" s="313"/>
      <c r="E275" s="313"/>
      <c r="F275" s="313"/>
      <c r="G275" s="313"/>
      <c r="H275" s="313"/>
      <c r="I275" s="279" t="s">
        <v>874</v>
      </c>
    </row>
    <row r="276" spans="1:9" ht="15.75" thickBot="1" x14ac:dyDescent="0.3">
      <c r="A276" s="307"/>
      <c r="B276" s="307"/>
      <c r="C276" s="311"/>
      <c r="D276" s="314"/>
      <c r="E276" s="314"/>
      <c r="F276" s="314"/>
      <c r="G276" s="314"/>
      <c r="H276" s="314"/>
      <c r="I276" s="157" t="s">
        <v>788</v>
      </c>
    </row>
    <row r="277" spans="1:9" ht="15.75" thickBot="1" x14ac:dyDescent="0.3">
      <c r="A277" s="307"/>
      <c r="B277" s="307"/>
      <c r="C277" s="164" t="s">
        <v>789</v>
      </c>
      <c r="D277" s="161">
        <v>1</v>
      </c>
      <c r="E277" s="161">
        <v>10</v>
      </c>
      <c r="F277" s="161" t="s">
        <v>84</v>
      </c>
      <c r="G277" s="161" t="s">
        <v>84</v>
      </c>
      <c r="H277" s="161" t="s">
        <v>497</v>
      </c>
      <c r="I277" s="161" t="s">
        <v>790</v>
      </c>
    </row>
    <row r="278" spans="1:9" x14ac:dyDescent="0.25">
      <c r="A278" s="307"/>
      <c r="B278" s="307"/>
      <c r="C278" s="309" t="s">
        <v>791</v>
      </c>
      <c r="D278" s="312">
        <v>2</v>
      </c>
      <c r="E278" s="312">
        <v>9</v>
      </c>
      <c r="F278" s="312" t="s">
        <v>84</v>
      </c>
      <c r="G278" s="312" t="s">
        <v>84</v>
      </c>
      <c r="H278" s="312" t="s">
        <v>497</v>
      </c>
      <c r="I278" s="156" t="s">
        <v>792</v>
      </c>
    </row>
    <row r="279" spans="1:9" x14ac:dyDescent="0.25">
      <c r="A279" s="307"/>
      <c r="B279" s="307"/>
      <c r="C279" s="310"/>
      <c r="D279" s="313"/>
      <c r="E279" s="313"/>
      <c r="F279" s="313"/>
      <c r="G279" s="313"/>
      <c r="H279" s="313"/>
      <c r="I279" s="156" t="s">
        <v>793</v>
      </c>
    </row>
    <row r="280" spans="1:9" x14ac:dyDescent="0.25">
      <c r="A280" s="307"/>
      <c r="B280" s="307"/>
      <c r="C280" s="310"/>
      <c r="D280" s="313"/>
      <c r="E280" s="313"/>
      <c r="F280" s="313"/>
      <c r="G280" s="313"/>
      <c r="H280" s="313"/>
      <c r="I280" s="156" t="s">
        <v>794</v>
      </c>
    </row>
    <row r="281" spans="1:9" x14ac:dyDescent="0.25">
      <c r="A281" s="307"/>
      <c r="B281" s="307"/>
      <c r="C281" s="310"/>
      <c r="D281" s="313"/>
      <c r="E281" s="313"/>
      <c r="F281" s="313"/>
      <c r="G281" s="313"/>
      <c r="H281" s="313"/>
      <c r="I281" s="156" t="s">
        <v>795</v>
      </c>
    </row>
    <row r="282" spans="1:9" x14ac:dyDescent="0.25">
      <c r="A282" s="307"/>
      <c r="B282" s="307"/>
      <c r="C282" s="310"/>
      <c r="D282" s="313"/>
      <c r="E282" s="313"/>
      <c r="F282" s="313"/>
      <c r="G282" s="313"/>
      <c r="H282" s="313"/>
      <c r="I282" s="156" t="s">
        <v>796</v>
      </c>
    </row>
    <row r="283" spans="1:9" x14ac:dyDescent="0.25">
      <c r="A283" s="307"/>
      <c r="B283" s="307"/>
      <c r="C283" s="310"/>
      <c r="D283" s="313"/>
      <c r="E283" s="313"/>
      <c r="F283" s="313"/>
      <c r="G283" s="313"/>
      <c r="H283" s="313"/>
      <c r="I283" s="156" t="s">
        <v>797</v>
      </c>
    </row>
    <row r="284" spans="1:9" x14ac:dyDescent="0.25">
      <c r="A284" s="307"/>
      <c r="B284" s="307"/>
      <c r="C284" s="310"/>
      <c r="D284" s="313"/>
      <c r="E284" s="313"/>
      <c r="F284" s="313"/>
      <c r="G284" s="313"/>
      <c r="H284" s="313"/>
      <c r="I284" s="156" t="s">
        <v>798</v>
      </c>
    </row>
    <row r="285" spans="1:9" x14ac:dyDescent="0.25">
      <c r="A285" s="307"/>
      <c r="B285" s="307"/>
      <c r="C285" s="310"/>
      <c r="D285" s="313"/>
      <c r="E285" s="313"/>
      <c r="F285" s="313"/>
      <c r="G285" s="313"/>
      <c r="H285" s="313"/>
      <c r="I285" s="156" t="s">
        <v>799</v>
      </c>
    </row>
    <row r="286" spans="1:9" x14ac:dyDescent="0.25">
      <c r="A286" s="307"/>
      <c r="B286" s="307"/>
      <c r="C286" s="310"/>
      <c r="D286" s="313"/>
      <c r="E286" s="313"/>
      <c r="F286" s="313"/>
      <c r="G286" s="313"/>
      <c r="H286" s="313"/>
      <c r="I286" s="156" t="s">
        <v>800</v>
      </c>
    </row>
    <row r="287" spans="1:9" x14ac:dyDescent="0.25">
      <c r="A287" s="307"/>
      <c r="B287" s="307"/>
      <c r="C287" s="310"/>
      <c r="D287" s="313"/>
      <c r="E287" s="313"/>
      <c r="F287" s="313"/>
      <c r="G287" s="313"/>
      <c r="H287" s="313"/>
      <c r="I287" s="156" t="s">
        <v>801</v>
      </c>
    </row>
    <row r="288" spans="1:9" x14ac:dyDescent="0.25">
      <c r="A288" s="307"/>
      <c r="B288" s="307"/>
      <c r="C288" s="310"/>
      <c r="D288" s="313"/>
      <c r="E288" s="313"/>
      <c r="F288" s="313"/>
      <c r="G288" s="313"/>
      <c r="H288" s="313"/>
      <c r="I288" s="156" t="s">
        <v>802</v>
      </c>
    </row>
    <row r="289" spans="1:9" x14ac:dyDescent="0.25">
      <c r="A289" s="307"/>
      <c r="B289" s="307"/>
      <c r="C289" s="310"/>
      <c r="D289" s="313"/>
      <c r="E289" s="313"/>
      <c r="F289" s="313"/>
      <c r="G289" s="313"/>
      <c r="H289" s="313"/>
      <c r="I289" s="156" t="s">
        <v>803</v>
      </c>
    </row>
    <row r="290" spans="1:9" x14ac:dyDescent="0.25">
      <c r="A290" s="307"/>
      <c r="B290" s="307"/>
      <c r="C290" s="310"/>
      <c r="D290" s="313"/>
      <c r="E290" s="313"/>
      <c r="F290" s="313"/>
      <c r="G290" s="313"/>
      <c r="H290" s="313"/>
      <c r="I290" s="156" t="s">
        <v>804</v>
      </c>
    </row>
    <row r="291" spans="1:9" x14ac:dyDescent="0.25">
      <c r="A291" s="307"/>
      <c r="B291" s="307"/>
      <c r="C291" s="310"/>
      <c r="D291" s="313"/>
      <c r="E291" s="313"/>
      <c r="F291" s="313"/>
      <c r="G291" s="313"/>
      <c r="H291" s="313"/>
      <c r="I291" s="156" t="s">
        <v>805</v>
      </c>
    </row>
    <row r="292" spans="1:9" x14ac:dyDescent="0.25">
      <c r="A292" s="307"/>
      <c r="B292" s="307"/>
      <c r="C292" s="310"/>
      <c r="D292" s="313"/>
      <c r="E292" s="313"/>
      <c r="F292" s="313"/>
      <c r="G292" s="313"/>
      <c r="H292" s="313"/>
      <c r="I292" s="156" t="s">
        <v>806</v>
      </c>
    </row>
    <row r="293" spans="1:9" ht="15.75" thickBot="1" x14ac:dyDescent="0.3">
      <c r="A293" s="307"/>
      <c r="B293" s="307"/>
      <c r="C293" s="311"/>
      <c r="D293" s="314"/>
      <c r="E293" s="314"/>
      <c r="F293" s="314"/>
      <c r="G293" s="314"/>
      <c r="H293" s="314"/>
      <c r="I293" s="157" t="s">
        <v>807</v>
      </c>
    </row>
    <row r="294" spans="1:9" ht="15.75" thickBot="1" x14ac:dyDescent="0.3">
      <c r="A294" s="307"/>
      <c r="B294" s="307"/>
      <c r="C294" s="278" t="s">
        <v>808</v>
      </c>
      <c r="D294" s="157">
        <v>1</v>
      </c>
      <c r="E294" s="157">
        <v>10</v>
      </c>
      <c r="F294" s="157" t="s">
        <v>84</v>
      </c>
      <c r="G294" s="157" t="s">
        <v>84</v>
      </c>
      <c r="H294" s="157" t="s">
        <v>497</v>
      </c>
      <c r="I294" s="157" t="s">
        <v>809</v>
      </c>
    </row>
    <row r="295" spans="1:9" ht="15.75" thickBot="1" x14ac:dyDescent="0.3">
      <c r="A295" s="307"/>
      <c r="B295" s="307"/>
      <c r="C295" s="278" t="s">
        <v>810</v>
      </c>
      <c r="D295" s="157">
        <v>1</v>
      </c>
      <c r="E295" s="157">
        <v>10</v>
      </c>
      <c r="F295" s="157" t="s">
        <v>84</v>
      </c>
      <c r="G295" s="157" t="s">
        <v>84</v>
      </c>
      <c r="H295" s="157" t="s">
        <v>497</v>
      </c>
      <c r="I295" s="157" t="s">
        <v>811</v>
      </c>
    </row>
    <row r="296" spans="1:9" ht="15.75" thickBot="1" x14ac:dyDescent="0.3">
      <c r="A296" s="307"/>
      <c r="B296" s="307"/>
      <c r="C296" s="278"/>
      <c r="D296" s="157"/>
      <c r="E296" s="157"/>
      <c r="F296" s="157"/>
      <c r="G296" s="157"/>
      <c r="H296" s="157"/>
      <c r="I296" s="157" t="s">
        <v>875</v>
      </c>
    </row>
    <row r="297" spans="1:9" ht="15.75" thickBot="1" x14ac:dyDescent="0.3">
      <c r="A297" s="307"/>
      <c r="B297" s="307"/>
      <c r="C297" s="164" t="s">
        <v>812</v>
      </c>
      <c r="D297" s="161">
        <v>1</v>
      </c>
      <c r="E297" s="161">
        <v>10</v>
      </c>
      <c r="F297" s="161" t="s">
        <v>84</v>
      </c>
      <c r="G297" s="161" t="s">
        <v>84</v>
      </c>
      <c r="H297" s="161" t="s">
        <v>497</v>
      </c>
      <c r="I297" s="161" t="s">
        <v>813</v>
      </c>
    </row>
    <row r="298" spans="1:9" x14ac:dyDescent="0.25">
      <c r="A298" s="307"/>
      <c r="B298" s="307"/>
      <c r="C298" s="309" t="s">
        <v>814</v>
      </c>
      <c r="D298" s="312">
        <v>1</v>
      </c>
      <c r="E298" s="312">
        <v>10</v>
      </c>
      <c r="F298" s="312" t="s">
        <v>84</v>
      </c>
      <c r="G298" s="312" t="s">
        <v>84</v>
      </c>
      <c r="H298" s="312" t="s">
        <v>497</v>
      </c>
      <c r="I298" s="156" t="s">
        <v>815</v>
      </c>
    </row>
    <row r="299" spans="1:9" x14ac:dyDescent="0.25">
      <c r="A299" s="307"/>
      <c r="B299" s="307"/>
      <c r="C299" s="310"/>
      <c r="D299" s="313"/>
      <c r="E299" s="313"/>
      <c r="F299" s="313"/>
      <c r="G299" s="313"/>
      <c r="H299" s="313"/>
      <c r="I299" s="156" t="s">
        <v>816</v>
      </c>
    </row>
    <row r="300" spans="1:9" x14ac:dyDescent="0.25">
      <c r="A300" s="307"/>
      <c r="B300" s="307"/>
      <c r="C300" s="310"/>
      <c r="D300" s="313"/>
      <c r="E300" s="313"/>
      <c r="F300" s="313"/>
      <c r="G300" s="313"/>
      <c r="H300" s="313"/>
      <c r="I300" s="156" t="s">
        <v>817</v>
      </c>
    </row>
    <row r="301" spans="1:9" x14ac:dyDescent="0.25">
      <c r="A301" s="307"/>
      <c r="B301" s="307"/>
      <c r="C301" s="310"/>
      <c r="D301" s="313"/>
      <c r="E301" s="313"/>
      <c r="F301" s="313"/>
      <c r="G301" s="313"/>
      <c r="H301" s="313"/>
      <c r="I301" s="156" t="s">
        <v>818</v>
      </c>
    </row>
    <row r="302" spans="1:9" x14ac:dyDescent="0.25">
      <c r="A302" s="307"/>
      <c r="B302" s="307"/>
      <c r="C302" s="310"/>
      <c r="D302" s="313"/>
      <c r="E302" s="313"/>
      <c r="F302" s="313"/>
      <c r="G302" s="313"/>
      <c r="H302" s="313"/>
      <c r="I302" s="156" t="s">
        <v>819</v>
      </c>
    </row>
    <row r="303" spans="1:9" x14ac:dyDescent="0.25">
      <c r="A303" s="307"/>
      <c r="B303" s="307"/>
      <c r="C303" s="310"/>
      <c r="D303" s="313"/>
      <c r="E303" s="313"/>
      <c r="F303" s="313"/>
      <c r="G303" s="313"/>
      <c r="H303" s="313"/>
      <c r="I303" s="156" t="s">
        <v>820</v>
      </c>
    </row>
    <row r="304" spans="1:9" x14ac:dyDescent="0.25">
      <c r="A304" s="307"/>
      <c r="B304" s="307"/>
      <c r="C304" s="310"/>
      <c r="D304" s="313"/>
      <c r="E304" s="313"/>
      <c r="F304" s="313"/>
      <c r="G304" s="313"/>
      <c r="H304" s="313"/>
      <c r="I304" s="156" t="s">
        <v>821</v>
      </c>
    </row>
    <row r="305" spans="1:9" x14ac:dyDescent="0.25">
      <c r="A305" s="307"/>
      <c r="B305" s="307"/>
      <c r="C305" s="310"/>
      <c r="D305" s="313"/>
      <c r="E305" s="313"/>
      <c r="F305" s="313"/>
      <c r="G305" s="313"/>
      <c r="H305" s="313"/>
      <c r="I305" s="156" t="s">
        <v>822</v>
      </c>
    </row>
    <row r="306" spans="1:9" x14ac:dyDescent="0.25">
      <c r="A306" s="307"/>
      <c r="B306" s="307"/>
      <c r="C306" s="310"/>
      <c r="D306" s="313"/>
      <c r="E306" s="313"/>
      <c r="F306" s="313"/>
      <c r="G306" s="313"/>
      <c r="H306" s="313"/>
      <c r="I306" s="156" t="s">
        <v>823</v>
      </c>
    </row>
    <row r="307" spans="1:9" x14ac:dyDescent="0.25">
      <c r="A307" s="307"/>
      <c r="B307" s="307"/>
      <c r="C307" s="310"/>
      <c r="D307" s="313"/>
      <c r="E307" s="313"/>
      <c r="F307" s="313"/>
      <c r="G307" s="313"/>
      <c r="H307" s="313"/>
      <c r="I307" s="156" t="s">
        <v>824</v>
      </c>
    </row>
    <row r="308" spans="1:9" x14ac:dyDescent="0.25">
      <c r="A308" s="307"/>
      <c r="B308" s="307"/>
      <c r="C308" s="310"/>
      <c r="D308" s="313"/>
      <c r="E308" s="313"/>
      <c r="F308" s="313"/>
      <c r="G308" s="313"/>
      <c r="H308" s="313"/>
      <c r="I308" s="156" t="s">
        <v>825</v>
      </c>
    </row>
    <row r="309" spans="1:9" x14ac:dyDescent="0.25">
      <c r="A309" s="307"/>
      <c r="B309" s="307"/>
      <c r="C309" s="310"/>
      <c r="D309" s="313"/>
      <c r="E309" s="313"/>
      <c r="F309" s="313"/>
      <c r="G309" s="313"/>
      <c r="H309" s="313"/>
      <c r="I309" s="156" t="s">
        <v>826</v>
      </c>
    </row>
    <row r="310" spans="1:9" x14ac:dyDescent="0.25">
      <c r="A310" s="307"/>
      <c r="B310" s="307"/>
      <c r="C310" s="310"/>
      <c r="D310" s="313"/>
      <c r="E310" s="313"/>
      <c r="F310" s="313"/>
      <c r="G310" s="313"/>
      <c r="H310" s="313"/>
      <c r="I310" s="156" t="s">
        <v>827</v>
      </c>
    </row>
    <row r="311" spans="1:9" ht="15.75" thickBot="1" x14ac:dyDescent="0.3">
      <c r="A311" s="307"/>
      <c r="B311" s="307"/>
      <c r="C311" s="311"/>
      <c r="D311" s="314"/>
      <c r="E311" s="314"/>
      <c r="F311" s="314"/>
      <c r="G311" s="314"/>
      <c r="H311" s="314"/>
      <c r="I311" s="157" t="s">
        <v>828</v>
      </c>
    </row>
    <row r="312" spans="1:9" ht="15.75" thickBot="1" x14ac:dyDescent="0.3">
      <c r="A312" s="307"/>
      <c r="B312" s="307"/>
      <c r="C312" s="278" t="s">
        <v>829</v>
      </c>
      <c r="D312" s="157">
        <v>1</v>
      </c>
      <c r="E312" s="157">
        <v>10</v>
      </c>
      <c r="F312" s="157" t="s">
        <v>84</v>
      </c>
      <c r="G312" s="157" t="s">
        <v>84</v>
      </c>
      <c r="H312" s="157" t="s">
        <v>497</v>
      </c>
      <c r="I312" s="157" t="s">
        <v>728</v>
      </c>
    </row>
    <row r="313" spans="1:9" x14ac:dyDescent="0.25">
      <c r="A313" s="307"/>
      <c r="B313" s="307"/>
      <c r="C313" s="309" t="s">
        <v>830</v>
      </c>
      <c r="D313" s="312">
        <v>1</v>
      </c>
      <c r="E313" s="312">
        <v>10</v>
      </c>
      <c r="F313" s="312" t="s">
        <v>84</v>
      </c>
      <c r="G313" s="312" t="s">
        <v>84</v>
      </c>
      <c r="H313" s="312" t="s">
        <v>497</v>
      </c>
      <c r="I313" s="156" t="s">
        <v>831</v>
      </c>
    </row>
    <row r="314" spans="1:9" x14ac:dyDescent="0.25">
      <c r="A314" s="307"/>
      <c r="B314" s="307"/>
      <c r="C314" s="310"/>
      <c r="D314" s="313"/>
      <c r="E314" s="313"/>
      <c r="F314" s="313"/>
      <c r="G314" s="313"/>
      <c r="H314" s="313"/>
      <c r="I314" s="156" t="s">
        <v>832</v>
      </c>
    </row>
    <row r="315" spans="1:9" x14ac:dyDescent="0.25">
      <c r="A315" s="307"/>
      <c r="B315" s="307"/>
      <c r="C315" s="310"/>
      <c r="D315" s="313"/>
      <c r="E315" s="313"/>
      <c r="F315" s="313"/>
      <c r="G315" s="313"/>
      <c r="H315" s="313"/>
      <c r="I315" s="156" t="s">
        <v>833</v>
      </c>
    </row>
    <row r="316" spans="1:9" x14ac:dyDescent="0.25">
      <c r="A316" s="307"/>
      <c r="B316" s="307"/>
      <c r="C316" s="310"/>
      <c r="D316" s="313"/>
      <c r="E316" s="313"/>
      <c r="F316" s="313"/>
      <c r="G316" s="313"/>
      <c r="H316" s="313"/>
      <c r="I316" s="156" t="s">
        <v>834</v>
      </c>
    </row>
    <row r="317" spans="1:9" x14ac:dyDescent="0.25">
      <c r="A317" s="307"/>
      <c r="B317" s="307"/>
      <c r="C317" s="310"/>
      <c r="D317" s="313"/>
      <c r="E317" s="313"/>
      <c r="F317" s="313"/>
      <c r="G317" s="313"/>
      <c r="H317" s="313"/>
      <c r="I317" s="156" t="s">
        <v>835</v>
      </c>
    </row>
    <row r="318" spans="1:9" x14ac:dyDescent="0.25">
      <c r="A318" s="307"/>
      <c r="B318" s="307"/>
      <c r="C318" s="310"/>
      <c r="D318" s="313"/>
      <c r="E318" s="313"/>
      <c r="F318" s="313"/>
      <c r="G318" s="313"/>
      <c r="H318" s="313"/>
      <c r="I318" s="156" t="s">
        <v>836</v>
      </c>
    </row>
    <row r="319" spans="1:9" ht="15.75" thickBot="1" x14ac:dyDescent="0.3">
      <c r="A319" s="307"/>
      <c r="B319" s="307"/>
      <c r="C319" s="311"/>
      <c r="D319" s="314"/>
      <c r="E319" s="314"/>
      <c r="F319" s="314"/>
      <c r="G319" s="314"/>
      <c r="H319" s="314"/>
      <c r="I319" s="157" t="s">
        <v>837</v>
      </c>
    </row>
    <row r="320" spans="1:9" ht="15.75" thickBot="1" x14ac:dyDescent="0.3">
      <c r="A320" s="307"/>
      <c r="B320" s="307"/>
      <c r="C320" s="278" t="s">
        <v>838</v>
      </c>
      <c r="D320" s="157">
        <v>1</v>
      </c>
      <c r="E320" s="157">
        <v>10</v>
      </c>
      <c r="F320" s="157" t="s">
        <v>84</v>
      </c>
      <c r="G320" s="157" t="s">
        <v>84</v>
      </c>
      <c r="H320" s="157" t="s">
        <v>497</v>
      </c>
      <c r="I320" s="157" t="s">
        <v>839</v>
      </c>
    </row>
    <row r="321" spans="1:9" x14ac:dyDescent="0.25">
      <c r="A321" s="307"/>
      <c r="B321" s="307"/>
      <c r="C321" s="309" t="s">
        <v>840</v>
      </c>
      <c r="D321" s="312">
        <v>1</v>
      </c>
      <c r="E321" s="312">
        <v>10</v>
      </c>
      <c r="F321" s="312" t="s">
        <v>84</v>
      </c>
      <c r="G321" s="312" t="s">
        <v>84</v>
      </c>
      <c r="H321" s="312" t="s">
        <v>497</v>
      </c>
      <c r="I321" s="156" t="s">
        <v>841</v>
      </c>
    </row>
    <row r="322" spans="1:9" ht="15.75" thickBot="1" x14ac:dyDescent="0.3">
      <c r="A322" s="307"/>
      <c r="B322" s="307"/>
      <c r="C322" s="311"/>
      <c r="D322" s="314"/>
      <c r="E322" s="314"/>
      <c r="F322" s="314"/>
      <c r="G322" s="314"/>
      <c r="H322" s="314"/>
      <c r="I322" s="157" t="s">
        <v>842</v>
      </c>
    </row>
    <row r="323" spans="1:9" ht="15.75" thickBot="1" x14ac:dyDescent="0.3">
      <c r="A323" s="307"/>
      <c r="B323" s="307"/>
      <c r="C323" s="309" t="s">
        <v>843</v>
      </c>
      <c r="D323" s="318">
        <v>2</v>
      </c>
      <c r="E323" s="318">
        <v>9</v>
      </c>
      <c r="F323" s="321" t="s">
        <v>84</v>
      </c>
      <c r="G323" s="321" t="s">
        <v>84</v>
      </c>
      <c r="H323" s="321" t="s">
        <v>497</v>
      </c>
      <c r="I323" s="156" t="s">
        <v>844</v>
      </c>
    </row>
    <row r="324" spans="1:9" x14ac:dyDescent="0.25">
      <c r="A324" s="307"/>
      <c r="B324" s="307"/>
      <c r="C324" s="310"/>
      <c r="D324" s="319"/>
      <c r="E324" s="319"/>
      <c r="F324" s="322"/>
      <c r="G324" s="322"/>
      <c r="H324" s="322"/>
      <c r="I324" s="274" t="s">
        <v>845</v>
      </c>
    </row>
    <row r="325" spans="1:9" x14ac:dyDescent="0.25">
      <c r="A325" s="307"/>
      <c r="B325" s="307"/>
      <c r="C325" s="310"/>
      <c r="D325" s="319"/>
      <c r="E325" s="319"/>
      <c r="F325" s="322"/>
      <c r="G325" s="322"/>
      <c r="H325" s="322"/>
      <c r="I325" s="275" t="s">
        <v>846</v>
      </c>
    </row>
    <row r="326" spans="1:9" x14ac:dyDescent="0.25">
      <c r="A326" s="307"/>
      <c r="B326" s="307"/>
      <c r="C326" s="310"/>
      <c r="D326" s="319"/>
      <c r="E326" s="319"/>
      <c r="F326" s="322"/>
      <c r="G326" s="322"/>
      <c r="H326" s="322"/>
      <c r="I326" s="275" t="s">
        <v>847</v>
      </c>
    </row>
    <row r="327" spans="1:9" x14ac:dyDescent="0.2">
      <c r="A327" s="307"/>
      <c r="B327" s="307"/>
      <c r="C327" s="310"/>
      <c r="D327" s="319"/>
      <c r="E327" s="319"/>
      <c r="F327" s="322"/>
      <c r="G327" s="322"/>
      <c r="H327" s="322"/>
      <c r="I327" s="276" t="s">
        <v>848</v>
      </c>
    </row>
    <row r="328" spans="1:9" x14ac:dyDescent="0.2">
      <c r="A328" s="307"/>
      <c r="B328" s="307"/>
      <c r="C328" s="310"/>
      <c r="D328" s="319"/>
      <c r="E328" s="319"/>
      <c r="F328" s="322"/>
      <c r="G328" s="322"/>
      <c r="H328" s="322"/>
      <c r="I328" s="276" t="s">
        <v>849</v>
      </c>
    </row>
    <row r="329" spans="1:9" ht="15.75" thickBot="1" x14ac:dyDescent="0.25">
      <c r="A329" s="307"/>
      <c r="B329" s="307"/>
      <c r="C329" s="311"/>
      <c r="D329" s="320"/>
      <c r="E329" s="320"/>
      <c r="F329" s="323"/>
      <c r="G329" s="323"/>
      <c r="H329" s="323"/>
      <c r="I329" s="277" t="s">
        <v>850</v>
      </c>
    </row>
    <row r="330" spans="1:9" x14ac:dyDescent="0.25">
      <c r="A330" s="307"/>
      <c r="B330" s="307"/>
      <c r="C330" s="309" t="s">
        <v>851</v>
      </c>
      <c r="D330" s="312">
        <v>1</v>
      </c>
      <c r="E330" s="312">
        <v>10</v>
      </c>
      <c r="F330" s="312" t="s">
        <v>84</v>
      </c>
      <c r="G330" s="312" t="s">
        <v>84</v>
      </c>
      <c r="H330" s="312" t="s">
        <v>497</v>
      </c>
      <c r="I330" s="155" t="s">
        <v>853</v>
      </c>
    </row>
    <row r="331" spans="1:9" ht="15.75" thickBot="1" x14ac:dyDescent="0.3">
      <c r="A331" s="307"/>
      <c r="B331" s="307"/>
      <c r="C331" s="311"/>
      <c r="D331" s="314"/>
      <c r="E331" s="314"/>
      <c r="F331" s="314"/>
      <c r="G331" s="314"/>
      <c r="H331" s="314"/>
      <c r="I331" s="157" t="s">
        <v>854</v>
      </c>
    </row>
    <row r="332" spans="1:9" ht="15.75" thickBot="1" x14ac:dyDescent="0.3">
      <c r="A332" s="308"/>
      <c r="B332" s="308"/>
      <c r="C332" s="278" t="s">
        <v>852</v>
      </c>
      <c r="D332" s="157">
        <v>1</v>
      </c>
      <c r="E332" s="157">
        <v>10</v>
      </c>
      <c r="F332" s="157" t="s">
        <v>84</v>
      </c>
      <c r="G332" s="157" t="s">
        <v>84</v>
      </c>
      <c r="H332" s="157" t="s">
        <v>497</v>
      </c>
      <c r="I332" s="157" t="s">
        <v>855</v>
      </c>
    </row>
    <row r="333" spans="1:9" x14ac:dyDescent="0.25">
      <c r="A333" s="309" t="s">
        <v>946</v>
      </c>
      <c r="B333" s="309" t="s">
        <v>947</v>
      </c>
      <c r="C333" s="309" t="s">
        <v>948</v>
      </c>
      <c r="D333" s="318">
        <v>1</v>
      </c>
      <c r="E333" s="418">
        <v>10</v>
      </c>
      <c r="F333" s="421">
        <v>90</v>
      </c>
      <c r="G333" s="421" t="s">
        <v>949</v>
      </c>
      <c r="H333" s="421" t="s">
        <v>583</v>
      </c>
      <c r="I333" s="219" t="s">
        <v>950</v>
      </c>
    </row>
    <row r="334" spans="1:9" x14ac:dyDescent="0.25">
      <c r="A334" s="310"/>
      <c r="B334" s="310"/>
      <c r="C334" s="310"/>
      <c r="D334" s="319"/>
      <c r="E334" s="419"/>
      <c r="F334" s="422"/>
      <c r="G334" s="422"/>
      <c r="H334" s="422"/>
      <c r="I334" s="281" t="s">
        <v>951</v>
      </c>
    </row>
    <row r="335" spans="1:9" x14ac:dyDescent="0.25">
      <c r="A335" s="310"/>
      <c r="B335" s="310"/>
      <c r="C335" s="310"/>
      <c r="D335" s="319"/>
      <c r="E335" s="419"/>
      <c r="F335" s="422"/>
      <c r="G335" s="422"/>
      <c r="H335" s="422"/>
      <c r="I335" s="281" t="s">
        <v>952</v>
      </c>
    </row>
    <row r="336" spans="1:9" x14ac:dyDescent="0.25">
      <c r="A336" s="310"/>
      <c r="B336" s="310"/>
      <c r="C336" s="310"/>
      <c r="D336" s="319"/>
      <c r="E336" s="419"/>
      <c r="F336" s="422"/>
      <c r="G336" s="422"/>
      <c r="H336" s="422"/>
      <c r="I336" s="281" t="s">
        <v>953</v>
      </c>
    </row>
    <row r="337" spans="1:9" ht="15.75" thickBot="1" x14ac:dyDescent="0.3">
      <c r="A337" s="311"/>
      <c r="B337" s="311"/>
      <c r="C337" s="311"/>
      <c r="D337" s="320"/>
      <c r="E337" s="420"/>
      <c r="F337" s="423"/>
      <c r="G337" s="423"/>
      <c r="H337" s="423"/>
      <c r="I337" s="157" t="s">
        <v>954</v>
      </c>
    </row>
    <row r="338" spans="1:9" ht="39" customHeight="1" x14ac:dyDescent="0.25">
      <c r="A338" s="309" t="s">
        <v>965</v>
      </c>
      <c r="B338" s="309" t="s">
        <v>966</v>
      </c>
      <c r="C338" s="309" t="s">
        <v>967</v>
      </c>
      <c r="D338" s="318" t="s">
        <v>246</v>
      </c>
      <c r="E338" s="312">
        <v>10</v>
      </c>
      <c r="F338" s="321">
        <v>90</v>
      </c>
      <c r="G338" s="427">
        <v>51684692.390000001</v>
      </c>
      <c r="H338" s="312" t="s">
        <v>968</v>
      </c>
      <c r="I338" s="284" t="s">
        <v>969</v>
      </c>
    </row>
    <row r="339" spans="1:9" x14ac:dyDescent="0.25">
      <c r="A339" s="310"/>
      <c r="B339" s="310"/>
      <c r="C339" s="310"/>
      <c r="D339" s="319"/>
      <c r="E339" s="313"/>
      <c r="F339" s="322"/>
      <c r="G339" s="428"/>
      <c r="H339" s="313"/>
      <c r="I339" s="285"/>
    </row>
    <row r="340" spans="1:9" x14ac:dyDescent="0.25">
      <c r="A340" s="310"/>
      <c r="B340" s="310"/>
      <c r="C340" s="310"/>
      <c r="D340" s="319"/>
      <c r="E340" s="313"/>
      <c r="F340" s="322"/>
      <c r="G340" s="428"/>
      <c r="H340" s="313"/>
      <c r="I340" s="285" t="s">
        <v>970</v>
      </c>
    </row>
    <row r="341" spans="1:9" x14ac:dyDescent="0.25">
      <c r="A341" s="310"/>
      <c r="B341" s="310"/>
      <c r="C341" s="310"/>
      <c r="D341" s="319"/>
      <c r="E341" s="313"/>
      <c r="F341" s="322"/>
      <c r="G341" s="428"/>
      <c r="H341" s="313"/>
      <c r="I341" s="285" t="s">
        <v>38</v>
      </c>
    </row>
    <row r="342" spans="1:9" ht="15.75" thickBot="1" x14ac:dyDescent="0.3">
      <c r="A342" s="311"/>
      <c r="B342" s="311"/>
      <c r="C342" s="311"/>
      <c r="D342" s="320"/>
      <c r="E342" s="314"/>
      <c r="F342" s="323"/>
      <c r="G342" s="429"/>
      <c r="H342" s="314"/>
      <c r="I342" s="157"/>
    </row>
    <row r="343" spans="1:9" ht="19.5" customHeight="1" x14ac:dyDescent="0.25">
      <c r="A343" s="433" t="s">
        <v>982</v>
      </c>
      <c r="B343" s="430" t="s">
        <v>1149</v>
      </c>
      <c r="C343" s="293" t="s">
        <v>1043</v>
      </c>
      <c r="D343" s="424" t="s">
        <v>84</v>
      </c>
      <c r="E343" s="315" t="s">
        <v>84</v>
      </c>
      <c r="F343" s="315" t="s">
        <v>84</v>
      </c>
      <c r="G343" s="315" t="s">
        <v>84</v>
      </c>
      <c r="H343" s="315" t="s">
        <v>96</v>
      </c>
      <c r="I343" s="315" t="s">
        <v>84</v>
      </c>
    </row>
    <row r="344" spans="1:9" x14ac:dyDescent="0.25">
      <c r="A344" s="434"/>
      <c r="B344" s="431"/>
      <c r="C344" s="294" t="s">
        <v>1044</v>
      </c>
      <c r="D344" s="425"/>
      <c r="E344" s="316"/>
      <c r="F344" s="316"/>
      <c r="G344" s="316"/>
      <c r="H344" s="316"/>
      <c r="I344" s="316"/>
    </row>
    <row r="345" spans="1:9" x14ac:dyDescent="0.25">
      <c r="A345" s="434"/>
      <c r="B345" s="431"/>
      <c r="C345" s="294" t="s">
        <v>1045</v>
      </c>
      <c r="D345" s="425"/>
      <c r="E345" s="316"/>
      <c r="F345" s="316"/>
      <c r="G345" s="316"/>
      <c r="H345" s="316"/>
      <c r="I345" s="316"/>
    </row>
    <row r="346" spans="1:9" x14ac:dyDescent="0.25">
      <c r="A346" s="434"/>
      <c r="B346" s="431"/>
      <c r="C346" s="294" t="s">
        <v>1046</v>
      </c>
      <c r="D346" s="425"/>
      <c r="E346" s="316"/>
      <c r="F346" s="316"/>
      <c r="G346" s="316"/>
      <c r="H346" s="316"/>
      <c r="I346" s="316"/>
    </row>
    <row r="347" spans="1:9" x14ac:dyDescent="0.25">
      <c r="A347" s="434"/>
      <c r="B347" s="431"/>
      <c r="C347" s="294" t="s">
        <v>1047</v>
      </c>
      <c r="D347" s="425"/>
      <c r="E347" s="316"/>
      <c r="F347" s="316"/>
      <c r="G347" s="316"/>
      <c r="H347" s="316"/>
      <c r="I347" s="316"/>
    </row>
    <row r="348" spans="1:9" x14ac:dyDescent="0.25">
      <c r="A348" s="434"/>
      <c r="B348" s="431"/>
      <c r="C348" s="294" t="s">
        <v>1048</v>
      </c>
      <c r="D348" s="425"/>
      <c r="E348" s="316"/>
      <c r="F348" s="316"/>
      <c r="G348" s="316"/>
      <c r="H348" s="316"/>
      <c r="I348" s="316"/>
    </row>
    <row r="349" spans="1:9" x14ac:dyDescent="0.25">
      <c r="A349" s="434"/>
      <c r="B349" s="431"/>
      <c r="C349" s="294" t="s">
        <v>1049</v>
      </c>
      <c r="D349" s="425"/>
      <c r="E349" s="316"/>
      <c r="F349" s="316"/>
      <c r="G349" s="316"/>
      <c r="H349" s="316"/>
      <c r="I349" s="316"/>
    </row>
    <row r="350" spans="1:9" x14ac:dyDescent="0.25">
      <c r="A350" s="434"/>
      <c r="B350" s="431"/>
      <c r="C350" s="294" t="s">
        <v>1050</v>
      </c>
      <c r="D350" s="425"/>
      <c r="E350" s="316"/>
      <c r="F350" s="316"/>
      <c r="G350" s="316"/>
      <c r="H350" s="316"/>
      <c r="I350" s="316"/>
    </row>
    <row r="351" spans="1:9" x14ac:dyDescent="0.25">
      <c r="A351" s="434"/>
      <c r="B351" s="431"/>
      <c r="C351" s="294" t="s">
        <v>1051</v>
      </c>
      <c r="D351" s="425"/>
      <c r="E351" s="316"/>
      <c r="F351" s="316"/>
      <c r="G351" s="316"/>
      <c r="H351" s="316"/>
      <c r="I351" s="316"/>
    </row>
    <row r="352" spans="1:9" x14ac:dyDescent="0.25">
      <c r="A352" s="434"/>
      <c r="B352" s="431"/>
      <c r="C352" s="294" t="s">
        <v>1052</v>
      </c>
      <c r="D352" s="425"/>
      <c r="E352" s="316"/>
      <c r="F352" s="316"/>
      <c r="G352" s="316"/>
      <c r="H352" s="316"/>
      <c r="I352" s="316"/>
    </row>
    <row r="353" spans="1:9" x14ac:dyDescent="0.25">
      <c r="A353" s="434"/>
      <c r="B353" s="431"/>
      <c r="C353" s="294" t="s">
        <v>1053</v>
      </c>
      <c r="D353" s="425"/>
      <c r="E353" s="316"/>
      <c r="F353" s="316"/>
      <c r="G353" s="316"/>
      <c r="H353" s="316"/>
      <c r="I353" s="316"/>
    </row>
    <row r="354" spans="1:9" x14ac:dyDescent="0.25">
      <c r="A354" s="434"/>
      <c r="B354" s="431"/>
      <c r="C354" s="294" t="s">
        <v>1054</v>
      </c>
      <c r="D354" s="425"/>
      <c r="E354" s="316"/>
      <c r="F354" s="316"/>
      <c r="G354" s="316"/>
      <c r="H354" s="316"/>
      <c r="I354" s="316"/>
    </row>
    <row r="355" spans="1:9" x14ac:dyDescent="0.25">
      <c r="A355" s="434"/>
      <c r="B355" s="431"/>
      <c r="C355" s="294" t="s">
        <v>1055</v>
      </c>
      <c r="D355" s="425"/>
      <c r="E355" s="316"/>
      <c r="F355" s="316"/>
      <c r="G355" s="316"/>
      <c r="H355" s="316"/>
      <c r="I355" s="316"/>
    </row>
    <row r="356" spans="1:9" x14ac:dyDescent="0.25">
      <c r="A356" s="434"/>
      <c r="B356" s="431"/>
      <c r="C356" s="294" t="s">
        <v>1056</v>
      </c>
      <c r="D356" s="425"/>
      <c r="E356" s="316"/>
      <c r="F356" s="316"/>
      <c r="G356" s="316"/>
      <c r="H356" s="316"/>
      <c r="I356" s="316"/>
    </row>
    <row r="357" spans="1:9" x14ac:dyDescent="0.25">
      <c r="A357" s="434"/>
      <c r="B357" s="431"/>
      <c r="C357" s="294" t="s">
        <v>1057</v>
      </c>
      <c r="D357" s="425"/>
      <c r="E357" s="316"/>
      <c r="F357" s="316"/>
      <c r="G357" s="316"/>
      <c r="H357" s="316"/>
      <c r="I357" s="316"/>
    </row>
    <row r="358" spans="1:9" x14ac:dyDescent="0.25">
      <c r="A358" s="434"/>
      <c r="B358" s="431"/>
      <c r="C358" s="294" t="s">
        <v>1058</v>
      </c>
      <c r="D358" s="425"/>
      <c r="E358" s="316"/>
      <c r="F358" s="316"/>
      <c r="G358" s="316"/>
      <c r="H358" s="316"/>
      <c r="I358" s="316"/>
    </row>
    <row r="359" spans="1:9" x14ac:dyDescent="0.25">
      <c r="A359" s="434"/>
      <c r="B359" s="431"/>
      <c r="C359" s="294" t="s">
        <v>1059</v>
      </c>
      <c r="D359" s="425"/>
      <c r="E359" s="316"/>
      <c r="F359" s="316"/>
      <c r="G359" s="316"/>
      <c r="H359" s="316"/>
      <c r="I359" s="316"/>
    </row>
    <row r="360" spans="1:9" x14ac:dyDescent="0.25">
      <c r="A360" s="434"/>
      <c r="B360" s="431"/>
      <c r="C360" s="294" t="s">
        <v>1060</v>
      </c>
      <c r="D360" s="425"/>
      <c r="E360" s="316"/>
      <c r="F360" s="316"/>
      <c r="G360" s="316"/>
      <c r="H360" s="316"/>
      <c r="I360" s="316"/>
    </row>
    <row r="361" spans="1:9" x14ac:dyDescent="0.25">
      <c r="A361" s="434"/>
      <c r="B361" s="431"/>
      <c r="C361" s="294" t="s">
        <v>1061</v>
      </c>
      <c r="D361" s="425"/>
      <c r="E361" s="316"/>
      <c r="F361" s="316"/>
      <c r="G361" s="316"/>
      <c r="H361" s="316"/>
      <c r="I361" s="316"/>
    </row>
    <row r="362" spans="1:9" x14ac:dyDescent="0.25">
      <c r="A362" s="434"/>
      <c r="B362" s="431"/>
      <c r="C362" s="294" t="s">
        <v>967</v>
      </c>
      <c r="D362" s="425"/>
      <c r="E362" s="316"/>
      <c r="F362" s="316"/>
      <c r="G362" s="316"/>
      <c r="H362" s="316"/>
      <c r="I362" s="316"/>
    </row>
    <row r="363" spans="1:9" x14ac:dyDescent="0.25">
      <c r="A363" s="434"/>
      <c r="B363" s="431"/>
      <c r="C363" s="294" t="s">
        <v>1062</v>
      </c>
      <c r="D363" s="425"/>
      <c r="E363" s="316"/>
      <c r="F363" s="316"/>
      <c r="G363" s="316"/>
      <c r="H363" s="316"/>
      <c r="I363" s="316"/>
    </row>
    <row r="364" spans="1:9" x14ac:dyDescent="0.25">
      <c r="A364" s="434"/>
      <c r="B364" s="431"/>
      <c r="C364" s="294" t="s">
        <v>1063</v>
      </c>
      <c r="D364" s="425"/>
      <c r="E364" s="316"/>
      <c r="F364" s="316"/>
      <c r="G364" s="316"/>
      <c r="H364" s="316"/>
      <c r="I364" s="316"/>
    </row>
    <row r="365" spans="1:9" x14ac:dyDescent="0.25">
      <c r="A365" s="434"/>
      <c r="B365" s="431"/>
      <c r="C365" s="294" t="s">
        <v>1064</v>
      </c>
      <c r="D365" s="425"/>
      <c r="E365" s="316"/>
      <c r="F365" s="316"/>
      <c r="G365" s="316"/>
      <c r="H365" s="316"/>
      <c r="I365" s="316"/>
    </row>
    <row r="366" spans="1:9" x14ac:dyDescent="0.25">
      <c r="A366" s="434"/>
      <c r="B366" s="431"/>
      <c r="C366" s="294" t="s">
        <v>1065</v>
      </c>
      <c r="D366" s="425"/>
      <c r="E366" s="316"/>
      <c r="F366" s="316"/>
      <c r="G366" s="316"/>
      <c r="H366" s="316"/>
      <c r="I366" s="316"/>
    </row>
    <row r="367" spans="1:9" x14ac:dyDescent="0.25">
      <c r="A367" s="434"/>
      <c r="B367" s="431"/>
      <c r="C367" s="294" t="s">
        <v>1066</v>
      </c>
      <c r="D367" s="425"/>
      <c r="E367" s="316"/>
      <c r="F367" s="316"/>
      <c r="G367" s="316"/>
      <c r="H367" s="316"/>
      <c r="I367" s="316"/>
    </row>
    <row r="368" spans="1:9" x14ac:dyDescent="0.25">
      <c r="A368" s="434"/>
      <c r="B368" s="431"/>
      <c r="C368" s="294" t="s">
        <v>1067</v>
      </c>
      <c r="D368" s="425"/>
      <c r="E368" s="316"/>
      <c r="F368" s="316"/>
      <c r="G368" s="316"/>
      <c r="H368" s="316"/>
      <c r="I368" s="316"/>
    </row>
    <row r="369" spans="1:9" x14ac:dyDescent="0.25">
      <c r="A369" s="434"/>
      <c r="B369" s="431"/>
      <c r="C369" s="294" t="s">
        <v>1068</v>
      </c>
      <c r="D369" s="425"/>
      <c r="E369" s="316"/>
      <c r="F369" s="316"/>
      <c r="G369" s="316"/>
      <c r="H369" s="316"/>
      <c r="I369" s="316"/>
    </row>
    <row r="370" spans="1:9" x14ac:dyDescent="0.25">
      <c r="A370" s="434"/>
      <c r="B370" s="431"/>
      <c r="C370" s="294" t="s">
        <v>1069</v>
      </c>
      <c r="D370" s="425"/>
      <c r="E370" s="316"/>
      <c r="F370" s="316"/>
      <c r="G370" s="316"/>
      <c r="H370" s="316"/>
      <c r="I370" s="316"/>
    </row>
    <row r="371" spans="1:9" x14ac:dyDescent="0.25">
      <c r="A371" s="434"/>
      <c r="B371" s="431"/>
      <c r="C371" s="294" t="s">
        <v>1070</v>
      </c>
      <c r="D371" s="425"/>
      <c r="E371" s="316"/>
      <c r="F371" s="316"/>
      <c r="G371" s="316"/>
      <c r="H371" s="316"/>
      <c r="I371" s="316"/>
    </row>
    <row r="372" spans="1:9" x14ac:dyDescent="0.25">
      <c r="A372" s="434"/>
      <c r="B372" s="431"/>
      <c r="C372" s="294" t="s">
        <v>1071</v>
      </c>
      <c r="D372" s="425"/>
      <c r="E372" s="316"/>
      <c r="F372" s="316"/>
      <c r="G372" s="316"/>
      <c r="H372" s="316"/>
      <c r="I372" s="316"/>
    </row>
    <row r="373" spans="1:9" x14ac:dyDescent="0.25">
      <c r="A373" s="434"/>
      <c r="B373" s="431"/>
      <c r="C373" s="294" t="s">
        <v>1072</v>
      </c>
      <c r="D373" s="425"/>
      <c r="E373" s="316"/>
      <c r="F373" s="316"/>
      <c r="G373" s="316"/>
      <c r="H373" s="316"/>
      <c r="I373" s="316"/>
    </row>
    <row r="374" spans="1:9" x14ac:dyDescent="0.25">
      <c r="A374" s="434"/>
      <c r="B374" s="431"/>
      <c r="C374" s="294" t="s">
        <v>1073</v>
      </c>
      <c r="D374" s="425"/>
      <c r="E374" s="316"/>
      <c r="F374" s="316"/>
      <c r="G374" s="316"/>
      <c r="H374" s="316"/>
      <c r="I374" s="316"/>
    </row>
    <row r="375" spans="1:9" x14ac:dyDescent="0.25">
      <c r="A375" s="434"/>
      <c r="B375" s="431"/>
      <c r="C375" s="294" t="s">
        <v>473</v>
      </c>
      <c r="D375" s="425"/>
      <c r="E375" s="316"/>
      <c r="F375" s="316"/>
      <c r="G375" s="316"/>
      <c r="H375" s="316"/>
      <c r="I375" s="316"/>
    </row>
    <row r="376" spans="1:9" x14ac:dyDescent="0.25">
      <c r="A376" s="434"/>
      <c r="B376" s="431"/>
      <c r="C376" s="294" t="s">
        <v>1074</v>
      </c>
      <c r="D376" s="425"/>
      <c r="E376" s="316"/>
      <c r="F376" s="316"/>
      <c r="G376" s="316"/>
      <c r="H376" s="316"/>
      <c r="I376" s="316"/>
    </row>
    <row r="377" spans="1:9" x14ac:dyDescent="0.25">
      <c r="A377" s="434"/>
      <c r="B377" s="431"/>
      <c r="C377" s="294" t="s">
        <v>1075</v>
      </c>
      <c r="D377" s="425"/>
      <c r="E377" s="316"/>
      <c r="F377" s="316"/>
      <c r="G377" s="316"/>
      <c r="H377" s="316"/>
      <c r="I377" s="316"/>
    </row>
    <row r="378" spans="1:9" x14ac:dyDescent="0.25">
      <c r="A378" s="434"/>
      <c r="B378" s="431"/>
      <c r="C378" s="294" t="s">
        <v>1076</v>
      </c>
      <c r="D378" s="425"/>
      <c r="E378" s="316"/>
      <c r="F378" s="316"/>
      <c r="G378" s="316"/>
      <c r="H378" s="316"/>
      <c r="I378" s="316"/>
    </row>
    <row r="379" spans="1:9" x14ac:dyDescent="0.25">
      <c r="A379" s="434"/>
      <c r="B379" s="431"/>
      <c r="C379" s="294" t="s">
        <v>1077</v>
      </c>
      <c r="D379" s="425"/>
      <c r="E379" s="316"/>
      <c r="F379" s="316"/>
      <c r="G379" s="316"/>
      <c r="H379" s="316"/>
      <c r="I379" s="316"/>
    </row>
    <row r="380" spans="1:9" x14ac:dyDescent="0.25">
      <c r="A380" s="434"/>
      <c r="B380" s="431"/>
      <c r="C380" s="294" t="s">
        <v>1078</v>
      </c>
      <c r="D380" s="425"/>
      <c r="E380" s="316"/>
      <c r="F380" s="316"/>
      <c r="G380" s="316"/>
      <c r="H380" s="316"/>
      <c r="I380" s="316"/>
    </row>
    <row r="381" spans="1:9" x14ac:dyDescent="0.25">
      <c r="A381" s="434"/>
      <c r="B381" s="431"/>
      <c r="C381" s="294" t="s">
        <v>1079</v>
      </c>
      <c r="D381" s="425"/>
      <c r="E381" s="316"/>
      <c r="F381" s="316"/>
      <c r="G381" s="316"/>
      <c r="H381" s="316"/>
      <c r="I381" s="316"/>
    </row>
    <row r="382" spans="1:9" x14ac:dyDescent="0.25">
      <c r="A382" s="434"/>
      <c r="B382" s="431"/>
      <c r="C382" s="294" t="s">
        <v>1080</v>
      </c>
      <c r="D382" s="425"/>
      <c r="E382" s="316"/>
      <c r="F382" s="316"/>
      <c r="G382" s="316"/>
      <c r="H382" s="316"/>
      <c r="I382" s="316"/>
    </row>
    <row r="383" spans="1:9" x14ac:dyDescent="0.25">
      <c r="A383" s="434"/>
      <c r="B383" s="431"/>
      <c r="C383" s="294" t="s">
        <v>1081</v>
      </c>
      <c r="D383" s="425"/>
      <c r="E383" s="316"/>
      <c r="F383" s="316"/>
      <c r="G383" s="316"/>
      <c r="H383" s="316"/>
      <c r="I383" s="316"/>
    </row>
    <row r="384" spans="1:9" x14ac:dyDescent="0.25">
      <c r="A384" s="434"/>
      <c r="B384" s="431"/>
      <c r="C384" s="294" t="s">
        <v>1082</v>
      </c>
      <c r="D384" s="425"/>
      <c r="E384" s="316"/>
      <c r="F384" s="316"/>
      <c r="G384" s="316"/>
      <c r="H384" s="316"/>
      <c r="I384" s="316"/>
    </row>
    <row r="385" spans="1:9" x14ac:dyDescent="0.25">
      <c r="A385" s="434"/>
      <c r="B385" s="431"/>
      <c r="C385" s="294" t="s">
        <v>1083</v>
      </c>
      <c r="D385" s="425"/>
      <c r="E385" s="316"/>
      <c r="F385" s="316"/>
      <c r="G385" s="316"/>
      <c r="H385" s="316"/>
      <c r="I385" s="316"/>
    </row>
    <row r="386" spans="1:9" x14ac:dyDescent="0.25">
      <c r="A386" s="434"/>
      <c r="B386" s="431"/>
      <c r="C386" s="294" t="s">
        <v>1084</v>
      </c>
      <c r="D386" s="425"/>
      <c r="E386" s="316"/>
      <c r="F386" s="316"/>
      <c r="G386" s="316"/>
      <c r="H386" s="316"/>
      <c r="I386" s="316"/>
    </row>
    <row r="387" spans="1:9" x14ac:dyDescent="0.25">
      <c r="A387" s="434"/>
      <c r="B387" s="431"/>
      <c r="C387" s="294" t="s">
        <v>1085</v>
      </c>
      <c r="D387" s="425"/>
      <c r="E387" s="316"/>
      <c r="F387" s="316"/>
      <c r="G387" s="316"/>
      <c r="H387" s="316"/>
      <c r="I387" s="316"/>
    </row>
    <row r="388" spans="1:9" x14ac:dyDescent="0.25">
      <c r="A388" s="434"/>
      <c r="B388" s="431"/>
      <c r="C388" s="294" t="s">
        <v>1086</v>
      </c>
      <c r="D388" s="425"/>
      <c r="E388" s="316"/>
      <c r="F388" s="316"/>
      <c r="G388" s="316"/>
      <c r="H388" s="316"/>
      <c r="I388" s="316"/>
    </row>
    <row r="389" spans="1:9" x14ac:dyDescent="0.25">
      <c r="A389" s="434"/>
      <c r="B389" s="431"/>
      <c r="C389" s="294" t="s">
        <v>1087</v>
      </c>
      <c r="D389" s="425"/>
      <c r="E389" s="316"/>
      <c r="F389" s="316"/>
      <c r="G389" s="316"/>
      <c r="H389" s="316"/>
      <c r="I389" s="316"/>
    </row>
    <row r="390" spans="1:9" x14ac:dyDescent="0.25">
      <c r="A390" s="434"/>
      <c r="B390" s="431"/>
      <c r="C390" s="294" t="s">
        <v>1088</v>
      </c>
      <c r="D390" s="425"/>
      <c r="E390" s="316"/>
      <c r="F390" s="316"/>
      <c r="G390" s="316"/>
      <c r="H390" s="316"/>
      <c r="I390" s="316"/>
    </row>
    <row r="391" spans="1:9" x14ac:dyDescent="0.25">
      <c r="A391" s="434"/>
      <c r="B391" s="431"/>
      <c r="C391" s="294" t="s">
        <v>1089</v>
      </c>
      <c r="D391" s="425"/>
      <c r="E391" s="316"/>
      <c r="F391" s="316"/>
      <c r="G391" s="316"/>
      <c r="H391" s="316"/>
      <c r="I391" s="316"/>
    </row>
    <row r="392" spans="1:9" x14ac:dyDescent="0.25">
      <c r="A392" s="434"/>
      <c r="B392" s="431"/>
      <c r="C392" s="294" t="s">
        <v>1090</v>
      </c>
      <c r="D392" s="425"/>
      <c r="E392" s="316"/>
      <c r="F392" s="316"/>
      <c r="G392" s="316"/>
      <c r="H392" s="316"/>
      <c r="I392" s="316"/>
    </row>
    <row r="393" spans="1:9" x14ac:dyDescent="0.25">
      <c r="A393" s="434"/>
      <c r="B393" s="431"/>
      <c r="C393" s="294" t="s">
        <v>1091</v>
      </c>
      <c r="D393" s="425"/>
      <c r="E393" s="316"/>
      <c r="F393" s="316"/>
      <c r="G393" s="316"/>
      <c r="H393" s="316"/>
      <c r="I393" s="316"/>
    </row>
    <row r="394" spans="1:9" x14ac:dyDescent="0.25">
      <c r="A394" s="434"/>
      <c r="B394" s="431"/>
      <c r="C394" s="294" t="s">
        <v>1092</v>
      </c>
      <c r="D394" s="425"/>
      <c r="E394" s="316"/>
      <c r="F394" s="316"/>
      <c r="G394" s="316"/>
      <c r="H394" s="316"/>
      <c r="I394" s="316"/>
    </row>
    <row r="395" spans="1:9" x14ac:dyDescent="0.25">
      <c r="A395" s="434"/>
      <c r="B395" s="431"/>
      <c r="C395" s="294" t="s">
        <v>1093</v>
      </c>
      <c r="D395" s="425"/>
      <c r="E395" s="316"/>
      <c r="F395" s="316"/>
      <c r="G395" s="316"/>
      <c r="H395" s="316"/>
      <c r="I395" s="316"/>
    </row>
    <row r="396" spans="1:9" x14ac:dyDescent="0.25">
      <c r="A396" s="434"/>
      <c r="B396" s="431"/>
      <c r="C396" s="294" t="s">
        <v>1094</v>
      </c>
      <c r="D396" s="425"/>
      <c r="E396" s="316"/>
      <c r="F396" s="316"/>
      <c r="G396" s="316"/>
      <c r="H396" s="316"/>
      <c r="I396" s="316"/>
    </row>
    <row r="397" spans="1:9" x14ac:dyDescent="0.25">
      <c r="A397" s="434"/>
      <c r="B397" s="431"/>
      <c r="C397" s="294" t="s">
        <v>1095</v>
      </c>
      <c r="D397" s="425"/>
      <c r="E397" s="316"/>
      <c r="F397" s="316"/>
      <c r="G397" s="316"/>
      <c r="H397" s="316"/>
      <c r="I397" s="316"/>
    </row>
    <row r="398" spans="1:9" x14ac:dyDescent="0.25">
      <c r="A398" s="434"/>
      <c r="B398" s="431"/>
      <c r="C398" s="294" t="s">
        <v>1096</v>
      </c>
      <c r="D398" s="425"/>
      <c r="E398" s="316"/>
      <c r="F398" s="316"/>
      <c r="G398" s="316"/>
      <c r="H398" s="316"/>
      <c r="I398" s="316"/>
    </row>
    <row r="399" spans="1:9" x14ac:dyDescent="0.25">
      <c r="A399" s="434"/>
      <c r="B399" s="431"/>
      <c r="C399" s="294" t="s">
        <v>1097</v>
      </c>
      <c r="D399" s="425"/>
      <c r="E399" s="316"/>
      <c r="F399" s="316"/>
      <c r="G399" s="316"/>
      <c r="H399" s="316"/>
      <c r="I399" s="316"/>
    </row>
    <row r="400" spans="1:9" x14ac:dyDescent="0.25">
      <c r="A400" s="434"/>
      <c r="B400" s="431"/>
      <c r="C400" s="294" t="s">
        <v>1098</v>
      </c>
      <c r="D400" s="425"/>
      <c r="E400" s="316"/>
      <c r="F400" s="316"/>
      <c r="G400" s="316"/>
      <c r="H400" s="316"/>
      <c r="I400" s="316"/>
    </row>
    <row r="401" spans="1:9" x14ac:dyDescent="0.25">
      <c r="A401" s="434"/>
      <c r="B401" s="431"/>
      <c r="C401" s="294" t="s">
        <v>1099</v>
      </c>
      <c r="D401" s="425"/>
      <c r="E401" s="316"/>
      <c r="F401" s="316"/>
      <c r="G401" s="316"/>
      <c r="H401" s="316"/>
      <c r="I401" s="316"/>
    </row>
    <row r="402" spans="1:9" x14ac:dyDescent="0.25">
      <c r="A402" s="434"/>
      <c r="B402" s="431"/>
      <c r="C402" s="294" t="s">
        <v>1100</v>
      </c>
      <c r="D402" s="425"/>
      <c r="E402" s="316"/>
      <c r="F402" s="316"/>
      <c r="G402" s="316"/>
      <c r="H402" s="316"/>
      <c r="I402" s="316"/>
    </row>
    <row r="403" spans="1:9" x14ac:dyDescent="0.25">
      <c r="A403" s="434"/>
      <c r="B403" s="431"/>
      <c r="C403" s="294" t="s">
        <v>1101</v>
      </c>
      <c r="D403" s="425"/>
      <c r="E403" s="316"/>
      <c r="F403" s="316"/>
      <c r="G403" s="316"/>
      <c r="H403" s="316"/>
      <c r="I403" s="316"/>
    </row>
    <row r="404" spans="1:9" x14ac:dyDescent="0.25">
      <c r="A404" s="434"/>
      <c r="B404" s="431"/>
      <c r="C404" s="294" t="s">
        <v>1102</v>
      </c>
      <c r="D404" s="425"/>
      <c r="E404" s="316"/>
      <c r="F404" s="316"/>
      <c r="G404" s="316"/>
      <c r="H404" s="316"/>
      <c r="I404" s="316"/>
    </row>
    <row r="405" spans="1:9" x14ac:dyDescent="0.25">
      <c r="A405" s="434"/>
      <c r="B405" s="431"/>
      <c r="C405" s="294" t="s">
        <v>1103</v>
      </c>
      <c r="D405" s="425"/>
      <c r="E405" s="316"/>
      <c r="F405" s="316"/>
      <c r="G405" s="316"/>
      <c r="H405" s="316"/>
      <c r="I405" s="316"/>
    </row>
    <row r="406" spans="1:9" x14ac:dyDescent="0.25">
      <c r="A406" s="434"/>
      <c r="B406" s="431"/>
      <c r="C406" s="294" t="s">
        <v>1104</v>
      </c>
      <c r="D406" s="425"/>
      <c r="E406" s="316"/>
      <c r="F406" s="316"/>
      <c r="G406" s="316"/>
      <c r="H406" s="316"/>
      <c r="I406" s="316"/>
    </row>
    <row r="407" spans="1:9" x14ac:dyDescent="0.25">
      <c r="A407" s="434"/>
      <c r="B407" s="431"/>
      <c r="C407" s="294" t="s">
        <v>1105</v>
      </c>
      <c r="D407" s="425"/>
      <c r="E407" s="316"/>
      <c r="F407" s="316"/>
      <c r="G407" s="316"/>
      <c r="H407" s="316"/>
      <c r="I407" s="316"/>
    </row>
    <row r="408" spans="1:9" x14ac:dyDescent="0.25">
      <c r="A408" s="434"/>
      <c r="B408" s="431"/>
      <c r="C408" s="294" t="s">
        <v>1106</v>
      </c>
      <c r="D408" s="425"/>
      <c r="E408" s="316"/>
      <c r="F408" s="316"/>
      <c r="G408" s="316"/>
      <c r="H408" s="316"/>
      <c r="I408" s="316"/>
    </row>
    <row r="409" spans="1:9" x14ac:dyDescent="0.25">
      <c r="A409" s="434"/>
      <c r="B409" s="431"/>
      <c r="C409" s="294" t="s">
        <v>1107</v>
      </c>
      <c r="D409" s="425"/>
      <c r="E409" s="316"/>
      <c r="F409" s="316"/>
      <c r="G409" s="316"/>
      <c r="H409" s="316"/>
      <c r="I409" s="316"/>
    </row>
    <row r="410" spans="1:9" x14ac:dyDescent="0.25">
      <c r="A410" s="434"/>
      <c r="B410" s="431"/>
      <c r="C410" s="294" t="s">
        <v>1108</v>
      </c>
      <c r="D410" s="425"/>
      <c r="E410" s="316"/>
      <c r="F410" s="316"/>
      <c r="G410" s="316"/>
      <c r="H410" s="316"/>
      <c r="I410" s="316"/>
    </row>
    <row r="411" spans="1:9" x14ac:dyDescent="0.25">
      <c r="A411" s="434"/>
      <c r="B411" s="431"/>
      <c r="C411" s="294" t="s">
        <v>1109</v>
      </c>
      <c r="D411" s="425"/>
      <c r="E411" s="316"/>
      <c r="F411" s="316"/>
      <c r="G411" s="316"/>
      <c r="H411" s="316"/>
      <c r="I411" s="316"/>
    </row>
    <row r="412" spans="1:9" x14ac:dyDescent="0.25">
      <c r="A412" s="434"/>
      <c r="B412" s="431"/>
      <c r="C412" s="294" t="s">
        <v>1110</v>
      </c>
      <c r="D412" s="425"/>
      <c r="E412" s="316"/>
      <c r="F412" s="316"/>
      <c r="G412" s="316"/>
      <c r="H412" s="316"/>
      <c r="I412" s="316"/>
    </row>
    <row r="413" spans="1:9" x14ac:dyDescent="0.25">
      <c r="A413" s="434"/>
      <c r="B413" s="431"/>
      <c r="C413" s="294" t="s">
        <v>1111</v>
      </c>
      <c r="D413" s="425"/>
      <c r="E413" s="316"/>
      <c r="F413" s="316"/>
      <c r="G413" s="316"/>
      <c r="H413" s="316"/>
      <c r="I413" s="316"/>
    </row>
    <row r="414" spans="1:9" x14ac:dyDescent="0.25">
      <c r="A414" s="434"/>
      <c r="B414" s="431"/>
      <c r="C414" s="294" t="s">
        <v>1112</v>
      </c>
      <c r="D414" s="425"/>
      <c r="E414" s="316"/>
      <c r="F414" s="316"/>
      <c r="G414" s="316"/>
      <c r="H414" s="316"/>
      <c r="I414" s="316"/>
    </row>
    <row r="415" spans="1:9" x14ac:dyDescent="0.25">
      <c r="A415" s="434"/>
      <c r="B415" s="431"/>
      <c r="C415" s="294" t="s">
        <v>1113</v>
      </c>
      <c r="D415" s="425"/>
      <c r="E415" s="316"/>
      <c r="F415" s="316"/>
      <c r="G415" s="316"/>
      <c r="H415" s="316"/>
      <c r="I415" s="316"/>
    </row>
    <row r="416" spans="1:9" x14ac:dyDescent="0.25">
      <c r="A416" s="434"/>
      <c r="B416" s="431"/>
      <c r="C416" s="294" t="s">
        <v>1114</v>
      </c>
      <c r="D416" s="425"/>
      <c r="E416" s="316"/>
      <c r="F416" s="316"/>
      <c r="G416" s="316"/>
      <c r="H416" s="316"/>
      <c r="I416" s="316"/>
    </row>
    <row r="417" spans="1:9" x14ac:dyDescent="0.25">
      <c r="A417" s="434"/>
      <c r="B417" s="431"/>
      <c r="C417" s="294" t="s">
        <v>1115</v>
      </c>
      <c r="D417" s="425"/>
      <c r="E417" s="316"/>
      <c r="F417" s="316"/>
      <c r="G417" s="316"/>
      <c r="H417" s="316"/>
      <c r="I417" s="316"/>
    </row>
    <row r="418" spans="1:9" x14ac:dyDescent="0.25">
      <c r="A418" s="434"/>
      <c r="B418" s="431"/>
      <c r="C418" s="294" t="s">
        <v>1116</v>
      </c>
      <c r="D418" s="425"/>
      <c r="E418" s="316"/>
      <c r="F418" s="316"/>
      <c r="G418" s="316"/>
      <c r="H418" s="316"/>
      <c r="I418" s="316"/>
    </row>
    <row r="419" spans="1:9" x14ac:dyDescent="0.25">
      <c r="A419" s="434"/>
      <c r="B419" s="431"/>
      <c r="C419" s="294" t="s">
        <v>1117</v>
      </c>
      <c r="D419" s="425"/>
      <c r="E419" s="316"/>
      <c r="F419" s="316"/>
      <c r="G419" s="316"/>
      <c r="H419" s="316"/>
      <c r="I419" s="316"/>
    </row>
    <row r="420" spans="1:9" x14ac:dyDescent="0.25">
      <c r="A420" s="434"/>
      <c r="B420" s="431"/>
      <c r="C420" s="294" t="s">
        <v>1118</v>
      </c>
      <c r="D420" s="425"/>
      <c r="E420" s="316"/>
      <c r="F420" s="316"/>
      <c r="G420" s="316"/>
      <c r="H420" s="316"/>
      <c r="I420" s="316"/>
    </row>
    <row r="421" spans="1:9" x14ac:dyDescent="0.25">
      <c r="A421" s="434"/>
      <c r="B421" s="431"/>
      <c r="C421" s="294" t="s">
        <v>1119</v>
      </c>
      <c r="D421" s="425"/>
      <c r="E421" s="316"/>
      <c r="F421" s="316"/>
      <c r="G421" s="316"/>
      <c r="H421" s="316"/>
      <c r="I421" s="316"/>
    </row>
    <row r="422" spans="1:9" x14ac:dyDescent="0.25">
      <c r="A422" s="434"/>
      <c r="B422" s="431"/>
      <c r="C422" s="294" t="s">
        <v>1120</v>
      </c>
      <c r="D422" s="425"/>
      <c r="E422" s="316"/>
      <c r="F422" s="316"/>
      <c r="G422" s="316"/>
      <c r="H422" s="316"/>
      <c r="I422" s="316"/>
    </row>
    <row r="423" spans="1:9" x14ac:dyDescent="0.25">
      <c r="A423" s="434"/>
      <c r="B423" s="431"/>
      <c r="C423" s="294" t="s">
        <v>1121</v>
      </c>
      <c r="D423" s="425"/>
      <c r="E423" s="316"/>
      <c r="F423" s="316"/>
      <c r="G423" s="316"/>
      <c r="H423" s="316"/>
      <c r="I423" s="316"/>
    </row>
    <row r="424" spans="1:9" x14ac:dyDescent="0.25">
      <c r="A424" s="434"/>
      <c r="B424" s="431"/>
      <c r="C424" s="294" t="s">
        <v>1122</v>
      </c>
      <c r="D424" s="425"/>
      <c r="E424" s="316"/>
      <c r="F424" s="316"/>
      <c r="G424" s="316"/>
      <c r="H424" s="316"/>
      <c r="I424" s="316"/>
    </row>
    <row r="425" spans="1:9" x14ac:dyDescent="0.25">
      <c r="A425" s="434"/>
      <c r="B425" s="431"/>
      <c r="C425" s="294" t="s">
        <v>1123</v>
      </c>
      <c r="D425" s="425"/>
      <c r="E425" s="316"/>
      <c r="F425" s="316"/>
      <c r="G425" s="316"/>
      <c r="H425" s="316"/>
      <c r="I425" s="316"/>
    </row>
    <row r="426" spans="1:9" x14ac:dyDescent="0.25">
      <c r="A426" s="434"/>
      <c r="B426" s="431"/>
      <c r="C426" s="294" t="s">
        <v>1124</v>
      </c>
      <c r="D426" s="425"/>
      <c r="E426" s="316"/>
      <c r="F426" s="316"/>
      <c r="G426" s="316"/>
      <c r="H426" s="316"/>
      <c r="I426" s="316"/>
    </row>
    <row r="427" spans="1:9" x14ac:dyDescent="0.25">
      <c r="A427" s="434"/>
      <c r="B427" s="431"/>
      <c r="C427" s="294" t="s">
        <v>1125</v>
      </c>
      <c r="D427" s="425"/>
      <c r="E427" s="316"/>
      <c r="F427" s="316"/>
      <c r="G427" s="316"/>
      <c r="H427" s="316"/>
      <c r="I427" s="316"/>
    </row>
    <row r="428" spans="1:9" x14ac:dyDescent="0.25">
      <c r="A428" s="434"/>
      <c r="B428" s="431"/>
      <c r="C428" s="294" t="s">
        <v>1126</v>
      </c>
      <c r="D428" s="425"/>
      <c r="E428" s="316"/>
      <c r="F428" s="316"/>
      <c r="G428" s="316"/>
      <c r="H428" s="316"/>
      <c r="I428" s="316"/>
    </row>
    <row r="429" spans="1:9" x14ac:dyDescent="0.25">
      <c r="A429" s="434"/>
      <c r="B429" s="431"/>
      <c r="C429" s="294" t="s">
        <v>1127</v>
      </c>
      <c r="D429" s="425"/>
      <c r="E429" s="316"/>
      <c r="F429" s="316"/>
      <c r="G429" s="316"/>
      <c r="H429" s="316"/>
      <c r="I429" s="316"/>
    </row>
    <row r="430" spans="1:9" x14ac:dyDescent="0.25">
      <c r="A430" s="434"/>
      <c r="B430" s="431"/>
      <c r="C430" s="294" t="s">
        <v>1128</v>
      </c>
      <c r="D430" s="425"/>
      <c r="E430" s="316"/>
      <c r="F430" s="316"/>
      <c r="G430" s="316"/>
      <c r="H430" s="316"/>
      <c r="I430" s="316"/>
    </row>
    <row r="431" spans="1:9" x14ac:dyDescent="0.25">
      <c r="A431" s="434"/>
      <c r="B431" s="431"/>
      <c r="C431" s="294" t="s">
        <v>1129</v>
      </c>
      <c r="D431" s="425"/>
      <c r="E431" s="316"/>
      <c r="F431" s="316"/>
      <c r="G431" s="316"/>
      <c r="H431" s="316"/>
      <c r="I431" s="316"/>
    </row>
    <row r="432" spans="1:9" x14ac:dyDescent="0.25">
      <c r="A432" s="434"/>
      <c r="B432" s="431"/>
      <c r="C432" s="294" t="s">
        <v>1130</v>
      </c>
      <c r="D432" s="425"/>
      <c r="E432" s="316"/>
      <c r="F432" s="316"/>
      <c r="G432" s="316"/>
      <c r="H432" s="316"/>
      <c r="I432" s="316"/>
    </row>
    <row r="433" spans="1:9" x14ac:dyDescent="0.25">
      <c r="A433" s="434"/>
      <c r="B433" s="431"/>
      <c r="C433" s="294" t="s">
        <v>1131</v>
      </c>
      <c r="D433" s="425"/>
      <c r="E433" s="316"/>
      <c r="F433" s="316"/>
      <c r="G433" s="316"/>
      <c r="H433" s="316"/>
      <c r="I433" s="316"/>
    </row>
    <row r="434" spans="1:9" x14ac:dyDescent="0.25">
      <c r="A434" s="434"/>
      <c r="B434" s="431"/>
      <c r="C434" s="294" t="s">
        <v>1132</v>
      </c>
      <c r="D434" s="425"/>
      <c r="E434" s="316"/>
      <c r="F434" s="316"/>
      <c r="G434" s="316"/>
      <c r="H434" s="316"/>
      <c r="I434" s="316"/>
    </row>
    <row r="435" spans="1:9" x14ac:dyDescent="0.25">
      <c r="A435" s="434"/>
      <c r="B435" s="431"/>
      <c r="C435" s="294" t="s">
        <v>1133</v>
      </c>
      <c r="D435" s="425"/>
      <c r="E435" s="316"/>
      <c r="F435" s="316"/>
      <c r="G435" s="316"/>
      <c r="H435" s="316"/>
      <c r="I435" s="316"/>
    </row>
    <row r="436" spans="1:9" x14ac:dyDescent="0.25">
      <c r="A436" s="434"/>
      <c r="B436" s="431"/>
      <c r="C436" s="294" t="s">
        <v>1134</v>
      </c>
      <c r="D436" s="425"/>
      <c r="E436" s="316"/>
      <c r="F436" s="316"/>
      <c r="G436" s="316"/>
      <c r="H436" s="316"/>
      <c r="I436" s="316"/>
    </row>
    <row r="437" spans="1:9" x14ac:dyDescent="0.25">
      <c r="A437" s="434"/>
      <c r="B437" s="431"/>
      <c r="C437" s="294" t="s">
        <v>1135</v>
      </c>
      <c r="D437" s="425"/>
      <c r="E437" s="316"/>
      <c r="F437" s="316"/>
      <c r="G437" s="316"/>
      <c r="H437" s="316"/>
      <c r="I437" s="316"/>
    </row>
    <row r="438" spans="1:9" x14ac:dyDescent="0.25">
      <c r="A438" s="434"/>
      <c r="B438" s="431"/>
      <c r="C438" s="294" t="s">
        <v>1136</v>
      </c>
      <c r="D438" s="425"/>
      <c r="E438" s="316"/>
      <c r="F438" s="316"/>
      <c r="G438" s="316"/>
      <c r="H438" s="316"/>
      <c r="I438" s="316"/>
    </row>
    <row r="439" spans="1:9" x14ac:dyDescent="0.25">
      <c r="A439" s="434"/>
      <c r="B439" s="431"/>
      <c r="C439" s="294" t="s">
        <v>1137</v>
      </c>
      <c r="D439" s="425"/>
      <c r="E439" s="316"/>
      <c r="F439" s="316"/>
      <c r="G439" s="316"/>
      <c r="H439" s="316"/>
      <c r="I439" s="316"/>
    </row>
    <row r="440" spans="1:9" x14ac:dyDescent="0.25">
      <c r="A440" s="434"/>
      <c r="B440" s="431"/>
      <c r="C440" s="294" t="s">
        <v>1138</v>
      </c>
      <c r="D440" s="425"/>
      <c r="E440" s="316"/>
      <c r="F440" s="316"/>
      <c r="G440" s="316"/>
      <c r="H440" s="316"/>
      <c r="I440" s="316"/>
    </row>
    <row r="441" spans="1:9" x14ac:dyDescent="0.25">
      <c r="A441" s="434"/>
      <c r="B441" s="431"/>
      <c r="C441" s="294" t="s">
        <v>1139</v>
      </c>
      <c r="D441" s="425"/>
      <c r="E441" s="316"/>
      <c r="F441" s="316"/>
      <c r="G441" s="316"/>
      <c r="H441" s="316"/>
      <c r="I441" s="316"/>
    </row>
    <row r="442" spans="1:9" x14ac:dyDescent="0.25">
      <c r="A442" s="434"/>
      <c r="B442" s="431"/>
      <c r="C442" s="294" t="s">
        <v>460</v>
      </c>
      <c r="D442" s="425"/>
      <c r="E442" s="316"/>
      <c r="F442" s="316"/>
      <c r="G442" s="316"/>
      <c r="H442" s="316"/>
      <c r="I442" s="316"/>
    </row>
    <row r="443" spans="1:9" x14ac:dyDescent="0.25">
      <c r="A443" s="434"/>
      <c r="B443" s="431"/>
      <c r="C443" s="294" t="s">
        <v>1140</v>
      </c>
      <c r="D443" s="425"/>
      <c r="E443" s="316"/>
      <c r="F443" s="316"/>
      <c r="G443" s="316"/>
      <c r="H443" s="316"/>
      <c r="I443" s="316"/>
    </row>
    <row r="444" spans="1:9" x14ac:dyDescent="0.25">
      <c r="A444" s="434"/>
      <c r="B444" s="431"/>
      <c r="C444" s="294" t="s">
        <v>1141</v>
      </c>
      <c r="D444" s="425"/>
      <c r="E444" s="316"/>
      <c r="F444" s="316"/>
      <c r="G444" s="316"/>
      <c r="H444" s="316"/>
      <c r="I444" s="316"/>
    </row>
    <row r="445" spans="1:9" x14ac:dyDescent="0.25">
      <c r="A445" s="434"/>
      <c r="B445" s="431"/>
      <c r="C445" s="294" t="s">
        <v>1142</v>
      </c>
      <c r="D445" s="425"/>
      <c r="E445" s="316"/>
      <c r="F445" s="316"/>
      <c r="G445" s="316"/>
      <c r="H445" s="316"/>
      <c r="I445" s="316"/>
    </row>
    <row r="446" spans="1:9" x14ac:dyDescent="0.25">
      <c r="A446" s="434"/>
      <c r="B446" s="431"/>
      <c r="C446" s="294" t="s">
        <v>175</v>
      </c>
      <c r="D446" s="425"/>
      <c r="E446" s="316"/>
      <c r="F446" s="316"/>
      <c r="G446" s="316"/>
      <c r="H446" s="316"/>
      <c r="I446" s="316"/>
    </row>
    <row r="447" spans="1:9" x14ac:dyDescent="0.25">
      <c r="A447" s="434"/>
      <c r="B447" s="431"/>
      <c r="C447" s="294" t="s">
        <v>1143</v>
      </c>
      <c r="D447" s="425"/>
      <c r="E447" s="316"/>
      <c r="F447" s="316"/>
      <c r="G447" s="316"/>
      <c r="H447" s="316"/>
      <c r="I447" s="316"/>
    </row>
    <row r="448" spans="1:9" x14ac:dyDescent="0.25">
      <c r="A448" s="434"/>
      <c r="B448" s="431"/>
      <c r="C448" s="294" t="s">
        <v>1144</v>
      </c>
      <c r="D448" s="425"/>
      <c r="E448" s="316"/>
      <c r="F448" s="316"/>
      <c r="G448" s="316"/>
      <c r="H448" s="316"/>
      <c r="I448" s="316"/>
    </row>
    <row r="449" spans="1:9" x14ac:dyDescent="0.25">
      <c r="A449" s="434"/>
      <c r="B449" s="431"/>
      <c r="C449" s="294" t="s">
        <v>1145</v>
      </c>
      <c r="D449" s="425"/>
      <c r="E449" s="316"/>
      <c r="F449" s="316"/>
      <c r="G449" s="316"/>
      <c r="H449" s="316"/>
      <c r="I449" s="316"/>
    </row>
    <row r="450" spans="1:9" x14ac:dyDescent="0.25">
      <c r="A450" s="434"/>
      <c r="B450" s="431"/>
      <c r="C450" s="294" t="s">
        <v>1146</v>
      </c>
      <c r="D450" s="425"/>
      <c r="E450" s="316"/>
      <c r="F450" s="316"/>
      <c r="G450" s="316"/>
      <c r="H450" s="316"/>
      <c r="I450" s="316"/>
    </row>
    <row r="451" spans="1:9" x14ac:dyDescent="0.25">
      <c r="A451" s="434"/>
      <c r="B451" s="431"/>
      <c r="C451" s="294" t="s">
        <v>1147</v>
      </c>
      <c r="D451" s="425"/>
      <c r="E451" s="316"/>
      <c r="F451" s="316"/>
      <c r="G451" s="316"/>
      <c r="H451" s="316"/>
      <c r="I451" s="316"/>
    </row>
    <row r="452" spans="1:9" ht="15.75" thickBot="1" x14ac:dyDescent="0.3">
      <c r="A452" s="435"/>
      <c r="B452" s="432"/>
      <c r="C452" s="295" t="s">
        <v>1148</v>
      </c>
      <c r="D452" s="426"/>
      <c r="E452" s="317"/>
      <c r="F452" s="317"/>
      <c r="G452" s="317"/>
      <c r="H452" s="317"/>
      <c r="I452" s="317"/>
    </row>
    <row r="453" spans="1:9" ht="44.25" customHeight="1" x14ac:dyDescent="0.25">
      <c r="A453" s="309" t="s">
        <v>1154</v>
      </c>
      <c r="B453" s="309" t="s">
        <v>1150</v>
      </c>
      <c r="C453" s="309" t="s">
        <v>1151</v>
      </c>
      <c r="D453" s="339" t="s">
        <v>246</v>
      </c>
      <c r="E453" s="339">
        <v>20</v>
      </c>
      <c r="F453" s="339">
        <v>80</v>
      </c>
      <c r="G453" s="436">
        <v>12778428.210000001</v>
      </c>
      <c r="H453" s="339" t="s">
        <v>1152</v>
      </c>
      <c r="I453" s="438" t="s">
        <v>1153</v>
      </c>
    </row>
    <row r="454" spans="1:9" ht="15.75" thickBot="1" x14ac:dyDescent="0.3">
      <c r="A454" s="311"/>
      <c r="B454" s="311"/>
      <c r="C454" s="311"/>
      <c r="D454" s="341"/>
      <c r="E454" s="341"/>
      <c r="F454" s="341"/>
      <c r="G454" s="437"/>
      <c r="H454" s="341"/>
      <c r="I454" s="439"/>
    </row>
    <row r="455" spans="1:9" ht="39" thickBot="1" x14ac:dyDescent="0.3">
      <c r="A455" s="304" t="s">
        <v>1165</v>
      </c>
      <c r="B455" s="305" t="s">
        <v>1166</v>
      </c>
      <c r="C455" s="305" t="s">
        <v>1167</v>
      </c>
      <c r="D455" s="165" t="s">
        <v>244</v>
      </c>
      <c r="E455" s="165">
        <v>18</v>
      </c>
      <c r="F455" s="545">
        <v>80</v>
      </c>
      <c r="G455" s="174">
        <v>1167024.6000000001</v>
      </c>
      <c r="H455" s="165" t="s">
        <v>339</v>
      </c>
      <c r="I455" s="165" t="s">
        <v>1168</v>
      </c>
    </row>
  </sheetData>
  <mergeCells count="394">
    <mergeCell ref="A453:A454"/>
    <mergeCell ref="B453:B454"/>
    <mergeCell ref="C453:C454"/>
    <mergeCell ref="D453:D454"/>
    <mergeCell ref="E453:E454"/>
    <mergeCell ref="F453:F454"/>
    <mergeCell ref="G453:G454"/>
    <mergeCell ref="H453:H454"/>
    <mergeCell ref="I453:I454"/>
    <mergeCell ref="A338:A342"/>
    <mergeCell ref="B338:B342"/>
    <mergeCell ref="C338:C342"/>
    <mergeCell ref="D338:D342"/>
    <mergeCell ref="E338:E342"/>
    <mergeCell ref="F338:F342"/>
    <mergeCell ref="G338:G342"/>
    <mergeCell ref="H338:H342"/>
    <mergeCell ref="B343:B452"/>
    <mergeCell ref="A343:A452"/>
    <mergeCell ref="C313:C319"/>
    <mergeCell ref="D313:D319"/>
    <mergeCell ref="E313:E319"/>
    <mergeCell ref="F313:F319"/>
    <mergeCell ref="G313:G319"/>
    <mergeCell ref="H313:H319"/>
    <mergeCell ref="D343:D452"/>
    <mergeCell ref="E343:E452"/>
    <mergeCell ref="F343:F452"/>
    <mergeCell ref="G343:G452"/>
    <mergeCell ref="H343:H452"/>
    <mergeCell ref="C256:C260"/>
    <mergeCell ref="D256:D260"/>
    <mergeCell ref="E256:E260"/>
    <mergeCell ref="F256:F260"/>
    <mergeCell ref="G256:G260"/>
    <mergeCell ref="H256:H260"/>
    <mergeCell ref="A333:A337"/>
    <mergeCell ref="B333:B337"/>
    <mergeCell ref="C333:C337"/>
    <mergeCell ref="D333:D337"/>
    <mergeCell ref="E333:E337"/>
    <mergeCell ref="F333:F337"/>
    <mergeCell ref="G333:G337"/>
    <mergeCell ref="H333:H337"/>
    <mergeCell ref="E278:E293"/>
    <mergeCell ref="F278:F293"/>
    <mergeCell ref="G278:G293"/>
    <mergeCell ref="H278:H293"/>
    <mergeCell ref="C298:C311"/>
    <mergeCell ref="D298:D311"/>
    <mergeCell ref="E298:E311"/>
    <mergeCell ref="F298:F311"/>
    <mergeCell ref="G298:G311"/>
    <mergeCell ref="H298:H311"/>
    <mergeCell ref="C262:C276"/>
    <mergeCell ref="D262:D276"/>
    <mergeCell ref="E262:E276"/>
    <mergeCell ref="F262:F276"/>
    <mergeCell ref="G262:G276"/>
    <mergeCell ref="H262:H276"/>
    <mergeCell ref="C237:C238"/>
    <mergeCell ref="D237:D238"/>
    <mergeCell ref="E237:E238"/>
    <mergeCell ref="F237:F238"/>
    <mergeCell ref="G237:G238"/>
    <mergeCell ref="H237:H238"/>
    <mergeCell ref="C240:C242"/>
    <mergeCell ref="D240:D242"/>
    <mergeCell ref="E240:E242"/>
    <mergeCell ref="F240:F242"/>
    <mergeCell ref="G240:G242"/>
    <mergeCell ref="H240:H242"/>
    <mergeCell ref="C243:C251"/>
    <mergeCell ref="D243:D251"/>
    <mergeCell ref="E243:E251"/>
    <mergeCell ref="F243:F251"/>
    <mergeCell ref="G243:G251"/>
    <mergeCell ref="H243:H251"/>
    <mergeCell ref="D172:D173"/>
    <mergeCell ref="E172:E173"/>
    <mergeCell ref="C220:C233"/>
    <mergeCell ref="D220:D233"/>
    <mergeCell ref="E220:E233"/>
    <mergeCell ref="F220:F233"/>
    <mergeCell ref="G220:G233"/>
    <mergeCell ref="H220:H233"/>
    <mergeCell ref="C234:C236"/>
    <mergeCell ref="D234:D236"/>
    <mergeCell ref="E234:E236"/>
    <mergeCell ref="F234:F236"/>
    <mergeCell ref="G234:G236"/>
    <mergeCell ref="H234:H236"/>
    <mergeCell ref="E184:E185"/>
    <mergeCell ref="F184:F185"/>
    <mergeCell ref="G184:G185"/>
    <mergeCell ref="H184:H185"/>
    <mergeCell ref="D186:D189"/>
    <mergeCell ref="E186:E189"/>
    <mergeCell ref="F186:F189"/>
    <mergeCell ref="G186:G189"/>
    <mergeCell ref="H186:H189"/>
    <mergeCell ref="C193:C197"/>
    <mergeCell ref="D166:D171"/>
    <mergeCell ref="E166:E171"/>
    <mergeCell ref="J193:J197"/>
    <mergeCell ref="C198:C203"/>
    <mergeCell ref="J198:J203"/>
    <mergeCell ref="C205:C213"/>
    <mergeCell ref="J205:J213"/>
    <mergeCell ref="J166:J171"/>
    <mergeCell ref="C172:C173"/>
    <mergeCell ref="J172:J173"/>
    <mergeCell ref="C174:C183"/>
    <mergeCell ref="J174:J183"/>
    <mergeCell ref="C184:C185"/>
    <mergeCell ref="J184:J185"/>
    <mergeCell ref="C186:C189"/>
    <mergeCell ref="J186:J189"/>
    <mergeCell ref="D205:D213"/>
    <mergeCell ref="E205:E213"/>
    <mergeCell ref="F205:F213"/>
    <mergeCell ref="G205:G213"/>
    <mergeCell ref="H205:H213"/>
    <mergeCell ref="F166:F171"/>
    <mergeCell ref="G166:G171"/>
    <mergeCell ref="H166:H171"/>
    <mergeCell ref="E193:E197"/>
    <mergeCell ref="F193:F197"/>
    <mergeCell ref="G193:G197"/>
    <mergeCell ref="H193:H197"/>
    <mergeCell ref="D198:D203"/>
    <mergeCell ref="E198:E203"/>
    <mergeCell ref="F198:F203"/>
    <mergeCell ref="G198:G203"/>
    <mergeCell ref="H198:H203"/>
    <mergeCell ref="A154:A158"/>
    <mergeCell ref="B154:B158"/>
    <mergeCell ref="C154:C158"/>
    <mergeCell ref="D154:D158"/>
    <mergeCell ref="E154:E158"/>
    <mergeCell ref="F154:F158"/>
    <mergeCell ref="G154:G158"/>
    <mergeCell ref="H154:H158"/>
    <mergeCell ref="J154:J158"/>
    <mergeCell ref="A145:A153"/>
    <mergeCell ref="B145:B153"/>
    <mergeCell ref="C145:C153"/>
    <mergeCell ref="D145:D153"/>
    <mergeCell ref="E145:E153"/>
    <mergeCell ref="F145:F153"/>
    <mergeCell ref="G145:G153"/>
    <mergeCell ref="H145:H153"/>
    <mergeCell ref="J145:J153"/>
    <mergeCell ref="A143:A144"/>
    <mergeCell ref="B143:B144"/>
    <mergeCell ref="D143:D144"/>
    <mergeCell ref="E143:E144"/>
    <mergeCell ref="F143:F144"/>
    <mergeCell ref="G143:G144"/>
    <mergeCell ref="H143:H144"/>
    <mergeCell ref="J143:J144"/>
    <mergeCell ref="C143:C144"/>
    <mergeCell ref="I143:I144"/>
    <mergeCell ref="G137:G140"/>
    <mergeCell ref="H137:H140"/>
    <mergeCell ref="J137:J140"/>
    <mergeCell ref="C141:C142"/>
    <mergeCell ref="D141:D142"/>
    <mergeCell ref="E141:E142"/>
    <mergeCell ref="F141:F142"/>
    <mergeCell ref="G141:G142"/>
    <mergeCell ref="H141:H142"/>
    <mergeCell ref="J141:J142"/>
    <mergeCell ref="A123:A142"/>
    <mergeCell ref="B123:B142"/>
    <mergeCell ref="C137:C140"/>
    <mergeCell ref="D137:D140"/>
    <mergeCell ref="E137:E140"/>
    <mergeCell ref="F137:F140"/>
    <mergeCell ref="C133:C136"/>
    <mergeCell ref="D133:D136"/>
    <mergeCell ref="E133:E136"/>
    <mergeCell ref="F133:F136"/>
    <mergeCell ref="F123:F125"/>
    <mergeCell ref="J133:J136"/>
    <mergeCell ref="F129:F130"/>
    <mergeCell ref="G129:G130"/>
    <mergeCell ref="H129:H130"/>
    <mergeCell ref="I129:I130"/>
    <mergeCell ref="J129:J130"/>
    <mergeCell ref="C131:C132"/>
    <mergeCell ref="D131:D132"/>
    <mergeCell ref="E131:E132"/>
    <mergeCell ref="F131:F132"/>
    <mergeCell ref="G131:G132"/>
    <mergeCell ref="H131:H132"/>
    <mergeCell ref="I131:I132"/>
    <mergeCell ref="J131:J132"/>
    <mergeCell ref="C129:C130"/>
    <mergeCell ref="D129:D130"/>
    <mergeCell ref="E129:E130"/>
    <mergeCell ref="F88:F92"/>
    <mergeCell ref="G88:G92"/>
    <mergeCell ref="H88:H92"/>
    <mergeCell ref="J88:J92"/>
    <mergeCell ref="A93:A97"/>
    <mergeCell ref="B93:B97"/>
    <mergeCell ref="C93:C97"/>
    <mergeCell ref="D93:D97"/>
    <mergeCell ref="E93:E97"/>
    <mergeCell ref="F93:F97"/>
    <mergeCell ref="G93:G97"/>
    <mergeCell ref="H93:H97"/>
    <mergeCell ref="J93:J97"/>
    <mergeCell ref="A88:A92"/>
    <mergeCell ref="B88:B92"/>
    <mergeCell ref="C88:C92"/>
    <mergeCell ref="D88:D92"/>
    <mergeCell ref="E88:E92"/>
    <mergeCell ref="J53:J55"/>
    <mergeCell ref="A53:A55"/>
    <mergeCell ref="B53:B55"/>
    <mergeCell ref="C53:C55"/>
    <mergeCell ref="D53:D55"/>
    <mergeCell ref="E53:E55"/>
    <mergeCell ref="A1:C1"/>
    <mergeCell ref="E2:F2"/>
    <mergeCell ref="G2:G3"/>
    <mergeCell ref="H2:H3"/>
    <mergeCell ref="J2:J3"/>
    <mergeCell ref="I2:I3"/>
    <mergeCell ref="C2:C3"/>
    <mergeCell ref="B2:B3"/>
    <mergeCell ref="A2:A3"/>
    <mergeCell ref="D2:D3"/>
    <mergeCell ref="J15:J34"/>
    <mergeCell ref="B15:B34"/>
    <mergeCell ref="A15:A34"/>
    <mergeCell ref="F15:F34"/>
    <mergeCell ref="H15:H34"/>
    <mergeCell ref="G15:G34"/>
    <mergeCell ref="F40:F45"/>
    <mergeCell ref="G40:G45"/>
    <mergeCell ref="H40:H45"/>
    <mergeCell ref="J40:J45"/>
    <mergeCell ref="A40:A45"/>
    <mergeCell ref="B40:B45"/>
    <mergeCell ref="C40:C45"/>
    <mergeCell ref="D40:D45"/>
    <mergeCell ref="E40:E45"/>
    <mergeCell ref="J46:J51"/>
    <mergeCell ref="A46:A51"/>
    <mergeCell ref="B46:B51"/>
    <mergeCell ref="C46:C51"/>
    <mergeCell ref="D46:D51"/>
    <mergeCell ref="E46:E51"/>
    <mergeCell ref="F46:F51"/>
    <mergeCell ref="G46:G51"/>
    <mergeCell ref="H46:H51"/>
    <mergeCell ref="F53:F55"/>
    <mergeCell ref="G53:G55"/>
    <mergeCell ref="H53:H55"/>
    <mergeCell ref="D71:D74"/>
    <mergeCell ref="E71:E74"/>
    <mergeCell ref="F71:F74"/>
    <mergeCell ref="G71:G74"/>
    <mergeCell ref="H71:H74"/>
    <mergeCell ref="B65:B67"/>
    <mergeCell ref="H56:H58"/>
    <mergeCell ref="J56:J58"/>
    <mergeCell ref="B59:B64"/>
    <mergeCell ref="C59:C64"/>
    <mergeCell ref="D59:D64"/>
    <mergeCell ref="E59:E64"/>
    <mergeCell ref="F59:F64"/>
    <mergeCell ref="H59:H64"/>
    <mergeCell ref="J59:J64"/>
    <mergeCell ref="B56:B58"/>
    <mergeCell ref="C56:C58"/>
    <mergeCell ref="D56:D58"/>
    <mergeCell ref="E56:E58"/>
    <mergeCell ref="F56:F58"/>
    <mergeCell ref="I59:I60"/>
    <mergeCell ref="J71:J74"/>
    <mergeCell ref="A75:A83"/>
    <mergeCell ref="B75:B83"/>
    <mergeCell ref="C75:C83"/>
    <mergeCell ref="D75:D83"/>
    <mergeCell ref="E75:E83"/>
    <mergeCell ref="F75:F83"/>
    <mergeCell ref="G75:G83"/>
    <mergeCell ref="H75:H83"/>
    <mergeCell ref="J75:J83"/>
    <mergeCell ref="A71:A74"/>
    <mergeCell ref="B71:B74"/>
    <mergeCell ref="C71:C74"/>
    <mergeCell ref="F84:F87"/>
    <mergeCell ref="G84:G87"/>
    <mergeCell ref="H84:H87"/>
    <mergeCell ref="J84:J87"/>
    <mergeCell ref="A84:A87"/>
    <mergeCell ref="B84:B87"/>
    <mergeCell ref="C84:C87"/>
    <mergeCell ref="D84:D87"/>
    <mergeCell ref="E84:E87"/>
    <mergeCell ref="A101:A103"/>
    <mergeCell ref="B101:B103"/>
    <mergeCell ref="C101:C103"/>
    <mergeCell ref="D101:D103"/>
    <mergeCell ref="E101:E103"/>
    <mergeCell ref="F101:F103"/>
    <mergeCell ref="H101:H103"/>
    <mergeCell ref="J101:J103"/>
    <mergeCell ref="A104:A113"/>
    <mergeCell ref="B104:B113"/>
    <mergeCell ref="C104:C113"/>
    <mergeCell ref="D104:D113"/>
    <mergeCell ref="E104:E113"/>
    <mergeCell ref="F104:F113"/>
    <mergeCell ref="G104:G113"/>
    <mergeCell ref="H104:H113"/>
    <mergeCell ref="J104:J113"/>
    <mergeCell ref="J160:J164"/>
    <mergeCell ref="A114:A118"/>
    <mergeCell ref="B114:B118"/>
    <mergeCell ref="C114:C118"/>
    <mergeCell ref="D114:D118"/>
    <mergeCell ref="E114:E118"/>
    <mergeCell ref="F114:F118"/>
    <mergeCell ref="H114:H118"/>
    <mergeCell ref="J114:J118"/>
    <mergeCell ref="G123:G125"/>
    <mergeCell ref="H123:H125"/>
    <mergeCell ref="J123:J125"/>
    <mergeCell ref="C126:C128"/>
    <mergeCell ref="D126:D128"/>
    <mergeCell ref="E126:E128"/>
    <mergeCell ref="F126:F128"/>
    <mergeCell ref="G126:G128"/>
    <mergeCell ref="H126:H128"/>
    <mergeCell ref="J126:J128"/>
    <mergeCell ref="C123:C125"/>
    <mergeCell ref="D123:D125"/>
    <mergeCell ref="E123:E125"/>
    <mergeCell ref="G133:G136"/>
    <mergeCell ref="H133:H136"/>
    <mergeCell ref="D214:D215"/>
    <mergeCell ref="E214:E215"/>
    <mergeCell ref="F214:F215"/>
    <mergeCell ref="G214:G215"/>
    <mergeCell ref="H214:H215"/>
    <mergeCell ref="A160:A164"/>
    <mergeCell ref="B160:B164"/>
    <mergeCell ref="C160:C164"/>
    <mergeCell ref="D160:D164"/>
    <mergeCell ref="E160:E164"/>
    <mergeCell ref="F160:F164"/>
    <mergeCell ref="G160:G164"/>
    <mergeCell ref="H160:H164"/>
    <mergeCell ref="F172:F173"/>
    <mergeCell ref="G172:G173"/>
    <mergeCell ref="H172:H173"/>
    <mergeCell ref="D174:D183"/>
    <mergeCell ref="E174:E183"/>
    <mergeCell ref="F174:F183"/>
    <mergeCell ref="G174:G183"/>
    <mergeCell ref="H174:H183"/>
    <mergeCell ref="D184:D185"/>
    <mergeCell ref="C166:C171"/>
    <mergeCell ref="D193:D197"/>
    <mergeCell ref="A166:A332"/>
    <mergeCell ref="B166:B332"/>
    <mergeCell ref="C278:C293"/>
    <mergeCell ref="D278:D293"/>
    <mergeCell ref="I343:I452"/>
    <mergeCell ref="C330:C331"/>
    <mergeCell ref="F330:F331"/>
    <mergeCell ref="G330:G331"/>
    <mergeCell ref="H330:H331"/>
    <mergeCell ref="D330:D331"/>
    <mergeCell ref="E330:E331"/>
    <mergeCell ref="C321:C322"/>
    <mergeCell ref="D321:D322"/>
    <mergeCell ref="E321:E322"/>
    <mergeCell ref="F321:F322"/>
    <mergeCell ref="G321:G322"/>
    <mergeCell ref="H321:H322"/>
    <mergeCell ref="C323:C329"/>
    <mergeCell ref="D323:D329"/>
    <mergeCell ref="E323:E329"/>
    <mergeCell ref="F323:F329"/>
    <mergeCell ref="G323:G329"/>
    <mergeCell ref="H323:H329"/>
    <mergeCell ref="C214:C215"/>
  </mergeCells>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H620"/>
  <sheetViews>
    <sheetView topLeftCell="A611" zoomScaleNormal="100" workbookViewId="0">
      <selection activeCell="B623" sqref="B623"/>
    </sheetView>
  </sheetViews>
  <sheetFormatPr defaultColWidth="9.140625" defaultRowHeight="12.75" x14ac:dyDescent="0.2"/>
  <cols>
    <col min="1" max="1" width="13.7109375" style="32" bestFit="1" customWidth="1"/>
    <col min="2" max="2" width="37.5703125" style="33" customWidth="1"/>
    <col min="3" max="3" width="41" style="32" customWidth="1"/>
    <col min="4" max="4" width="17.85546875" style="34" customWidth="1"/>
    <col min="5" max="5" width="17.7109375" style="26" customWidth="1"/>
    <col min="6" max="6" width="12.140625" style="26" customWidth="1"/>
    <col min="7" max="7" width="29" style="27" customWidth="1"/>
    <col min="8" max="8" width="34.5703125" style="28" customWidth="1"/>
    <col min="9" max="16384" width="9.140625" style="28"/>
  </cols>
  <sheetData>
    <row r="1" spans="1:7" ht="13.5" thickBot="1" x14ac:dyDescent="0.25">
      <c r="A1" s="477" t="s">
        <v>595</v>
      </c>
      <c r="B1" s="478"/>
      <c r="C1" s="479"/>
      <c r="D1" s="25"/>
    </row>
    <row r="2" spans="1:7" ht="13.5" thickBot="1" x14ac:dyDescent="0.25">
      <c r="A2" s="480" t="s">
        <v>2</v>
      </c>
      <c r="B2" s="482" t="s">
        <v>0</v>
      </c>
      <c r="C2" s="484" t="s">
        <v>88</v>
      </c>
      <c r="D2" s="29"/>
      <c r="E2" s="492" t="s">
        <v>55</v>
      </c>
      <c r="F2" s="493"/>
      <c r="G2" s="494" t="s">
        <v>89</v>
      </c>
    </row>
    <row r="3" spans="1:7" ht="13.5" thickBot="1" x14ac:dyDescent="0.25">
      <c r="A3" s="481"/>
      <c r="B3" s="483"/>
      <c r="C3" s="485"/>
      <c r="D3" s="30" t="s">
        <v>83</v>
      </c>
      <c r="E3" s="30" t="s">
        <v>58</v>
      </c>
      <c r="F3" s="31" t="s">
        <v>57</v>
      </c>
      <c r="G3" s="495"/>
    </row>
    <row r="4" spans="1:7" ht="37.5" customHeight="1" x14ac:dyDescent="0.2">
      <c r="A4" s="53" t="s">
        <v>5</v>
      </c>
      <c r="B4" s="54" t="s">
        <v>3</v>
      </c>
      <c r="C4" s="88" t="s">
        <v>131</v>
      </c>
      <c r="D4" s="89"/>
      <c r="E4" s="90"/>
      <c r="F4" s="91"/>
      <c r="G4" s="92"/>
    </row>
    <row r="5" spans="1:7" ht="25.5" x14ac:dyDescent="0.2">
      <c r="A5" s="93" t="s">
        <v>7</v>
      </c>
      <c r="B5" s="94" t="s">
        <v>8</v>
      </c>
      <c r="C5" s="95" t="s">
        <v>84</v>
      </c>
      <c r="D5" s="96" t="s">
        <v>84</v>
      </c>
      <c r="E5" s="96" t="s">
        <v>84</v>
      </c>
      <c r="F5" s="96" t="s">
        <v>84</v>
      </c>
      <c r="G5" s="97" t="s">
        <v>84</v>
      </c>
    </row>
    <row r="6" spans="1:7" ht="25.5" x14ac:dyDescent="0.2">
      <c r="A6" s="93" t="s">
        <v>11</v>
      </c>
      <c r="B6" s="94" t="s">
        <v>10</v>
      </c>
      <c r="C6" s="98" t="s">
        <v>111</v>
      </c>
      <c r="D6" s="99">
        <v>2</v>
      </c>
      <c r="E6" s="100">
        <v>18</v>
      </c>
      <c r="F6" s="100">
        <v>68.81</v>
      </c>
      <c r="G6" s="170">
        <v>4599102.63</v>
      </c>
    </row>
    <row r="7" spans="1:7" ht="21.75" customHeight="1" x14ac:dyDescent="0.2">
      <c r="A7" s="488" t="s">
        <v>12</v>
      </c>
      <c r="B7" s="489" t="s">
        <v>13</v>
      </c>
      <c r="C7" s="94" t="s">
        <v>113</v>
      </c>
      <c r="D7" s="99">
        <v>8</v>
      </c>
      <c r="E7" s="99">
        <v>2</v>
      </c>
      <c r="F7" s="99">
        <v>27.63</v>
      </c>
      <c r="G7" s="101">
        <v>16956105.649999999</v>
      </c>
    </row>
    <row r="8" spans="1:7" x14ac:dyDescent="0.2">
      <c r="A8" s="488"/>
      <c r="B8" s="489"/>
      <c r="C8" s="94" t="s">
        <v>114</v>
      </c>
      <c r="D8" s="99">
        <v>8</v>
      </c>
      <c r="E8" s="99">
        <v>2</v>
      </c>
      <c r="F8" s="99">
        <v>0</v>
      </c>
      <c r="G8" s="101">
        <v>23563535.649999999</v>
      </c>
    </row>
    <row r="9" spans="1:7" x14ac:dyDescent="0.2">
      <c r="A9" s="488"/>
      <c r="B9" s="489"/>
      <c r="C9" s="94" t="s">
        <v>115</v>
      </c>
      <c r="D9" s="99">
        <v>1</v>
      </c>
      <c r="E9" s="99">
        <v>20</v>
      </c>
      <c r="F9" s="99">
        <v>0</v>
      </c>
      <c r="G9" s="101">
        <v>26772806.010000002</v>
      </c>
    </row>
    <row r="10" spans="1:7" x14ac:dyDescent="0.2">
      <c r="A10" s="488"/>
      <c r="B10" s="489"/>
      <c r="C10" s="94" t="s">
        <v>116</v>
      </c>
      <c r="D10" s="99">
        <v>4</v>
      </c>
      <c r="E10" s="99">
        <v>12</v>
      </c>
      <c r="F10" s="99">
        <v>0</v>
      </c>
      <c r="G10" s="101">
        <v>35468377.049999997</v>
      </c>
    </row>
    <row r="11" spans="1:7" x14ac:dyDescent="0.2">
      <c r="A11" s="488"/>
      <c r="B11" s="489"/>
      <c r="C11" s="94" t="s">
        <v>117</v>
      </c>
      <c r="D11" s="99" t="s">
        <v>120</v>
      </c>
      <c r="E11" s="99">
        <v>0</v>
      </c>
      <c r="F11" s="99">
        <v>0</v>
      </c>
      <c r="G11" s="101">
        <v>35807302.75</v>
      </c>
    </row>
    <row r="12" spans="1:7" x14ac:dyDescent="0.2">
      <c r="A12" s="488"/>
      <c r="B12" s="489"/>
      <c r="C12" s="94" t="s">
        <v>118</v>
      </c>
      <c r="D12" s="99" t="s">
        <v>120</v>
      </c>
      <c r="E12" s="99">
        <v>0</v>
      </c>
      <c r="F12" s="99">
        <v>0</v>
      </c>
      <c r="G12" s="101">
        <v>44175364</v>
      </c>
    </row>
    <row r="13" spans="1:7" x14ac:dyDescent="0.2">
      <c r="A13" s="488"/>
      <c r="B13" s="489"/>
      <c r="C13" s="94" t="s">
        <v>119</v>
      </c>
      <c r="D13" s="99">
        <v>6</v>
      </c>
      <c r="E13" s="99">
        <v>6</v>
      </c>
      <c r="F13" s="99">
        <v>0</v>
      </c>
      <c r="G13" s="101">
        <v>50372286.890000001</v>
      </c>
    </row>
    <row r="14" spans="1:7" x14ac:dyDescent="0.2">
      <c r="A14" s="488"/>
      <c r="B14" s="489"/>
      <c r="C14" s="94" t="s">
        <v>122</v>
      </c>
      <c r="D14" s="99">
        <v>1</v>
      </c>
      <c r="E14" s="99">
        <v>20</v>
      </c>
      <c r="F14" s="99">
        <v>0</v>
      </c>
      <c r="G14" s="101">
        <v>11009736.84</v>
      </c>
    </row>
    <row r="15" spans="1:7" x14ac:dyDescent="0.2">
      <c r="A15" s="488"/>
      <c r="B15" s="489"/>
      <c r="C15" s="94" t="s">
        <v>123</v>
      </c>
      <c r="D15" s="99">
        <v>4</v>
      </c>
      <c r="E15" s="99">
        <v>12</v>
      </c>
      <c r="F15" s="99" t="s">
        <v>121</v>
      </c>
      <c r="G15" s="101">
        <v>11728602.699999999</v>
      </c>
    </row>
    <row r="16" spans="1:7" ht="18" customHeight="1" x14ac:dyDescent="0.2">
      <c r="A16" s="488"/>
      <c r="B16" s="489"/>
      <c r="C16" s="94" t="s">
        <v>124</v>
      </c>
      <c r="D16" s="99">
        <v>8</v>
      </c>
      <c r="E16" s="99">
        <v>2</v>
      </c>
      <c r="F16" s="99">
        <v>0</v>
      </c>
      <c r="G16" s="101">
        <v>13619406.42</v>
      </c>
    </row>
    <row r="17" spans="1:8" x14ac:dyDescent="0.2">
      <c r="A17" s="488"/>
      <c r="B17" s="489"/>
      <c r="C17" s="94" t="s">
        <v>125</v>
      </c>
      <c r="D17" s="99">
        <v>8</v>
      </c>
      <c r="E17" s="99">
        <v>2</v>
      </c>
      <c r="F17" s="99">
        <v>0</v>
      </c>
      <c r="G17" s="101">
        <v>17184151</v>
      </c>
    </row>
    <row r="18" spans="1:8" x14ac:dyDescent="0.2">
      <c r="A18" s="488"/>
      <c r="B18" s="489"/>
      <c r="C18" s="94" t="s">
        <v>126</v>
      </c>
      <c r="D18" s="99">
        <v>4</v>
      </c>
      <c r="E18" s="99">
        <v>12</v>
      </c>
      <c r="F18" s="99">
        <v>0</v>
      </c>
      <c r="G18" s="101">
        <v>20126438.879999999</v>
      </c>
    </row>
    <row r="19" spans="1:8" x14ac:dyDescent="0.2">
      <c r="A19" s="488"/>
      <c r="B19" s="489"/>
      <c r="C19" s="94" t="s">
        <v>127</v>
      </c>
      <c r="D19" s="99">
        <v>6</v>
      </c>
      <c r="E19" s="99">
        <v>6</v>
      </c>
      <c r="F19" s="99">
        <v>0</v>
      </c>
      <c r="G19" s="101">
        <v>22000214.210000001</v>
      </c>
    </row>
    <row r="20" spans="1:8" x14ac:dyDescent="0.2">
      <c r="A20" s="488"/>
      <c r="B20" s="489"/>
      <c r="C20" s="94" t="s">
        <v>128</v>
      </c>
      <c r="D20" s="99" t="s">
        <v>120</v>
      </c>
      <c r="E20" s="99">
        <v>0</v>
      </c>
      <c r="F20" s="99">
        <v>0</v>
      </c>
      <c r="G20" s="101">
        <v>23546296</v>
      </c>
    </row>
    <row r="21" spans="1:8" ht="25.5" x14ac:dyDescent="0.2">
      <c r="A21" s="93" t="s">
        <v>15</v>
      </c>
      <c r="B21" s="94" t="s">
        <v>16</v>
      </c>
      <c r="C21" s="94" t="s">
        <v>112</v>
      </c>
      <c r="D21" s="99">
        <v>1</v>
      </c>
      <c r="E21" s="100">
        <v>20</v>
      </c>
      <c r="F21" s="100">
        <v>54.97</v>
      </c>
      <c r="G21" s="170">
        <v>4222800</v>
      </c>
    </row>
    <row r="22" spans="1:8" ht="38.25" x14ac:dyDescent="0.2">
      <c r="A22" s="93" t="s">
        <v>18</v>
      </c>
      <c r="B22" s="94" t="s">
        <v>19</v>
      </c>
      <c r="C22" s="94" t="s">
        <v>105</v>
      </c>
      <c r="D22" s="99" t="s">
        <v>120</v>
      </c>
      <c r="E22" s="100">
        <v>0</v>
      </c>
      <c r="F22" s="100">
        <v>44.96</v>
      </c>
      <c r="G22" s="171">
        <v>1372711.86</v>
      </c>
    </row>
    <row r="23" spans="1:8" ht="24.75" customHeight="1" x14ac:dyDescent="0.2">
      <c r="A23" s="486" t="s">
        <v>21</v>
      </c>
      <c r="B23" s="487" t="s">
        <v>22</v>
      </c>
      <c r="C23" s="94" t="s">
        <v>106</v>
      </c>
      <c r="D23" s="99">
        <v>1</v>
      </c>
      <c r="E23" s="99">
        <v>20</v>
      </c>
      <c r="F23" s="99" t="s">
        <v>84</v>
      </c>
      <c r="G23" s="100" t="s">
        <v>84</v>
      </c>
    </row>
    <row r="24" spans="1:8" x14ac:dyDescent="0.2">
      <c r="A24" s="486"/>
      <c r="B24" s="487"/>
      <c r="C24" s="94" t="s">
        <v>107</v>
      </c>
      <c r="D24" s="99">
        <v>2</v>
      </c>
      <c r="E24" s="99">
        <v>18</v>
      </c>
      <c r="F24" s="99" t="s">
        <v>84</v>
      </c>
      <c r="G24" s="96" t="s">
        <v>84</v>
      </c>
    </row>
    <row r="25" spans="1:8" x14ac:dyDescent="0.2">
      <c r="A25" s="486"/>
      <c r="B25" s="487"/>
      <c r="C25" s="94" t="s">
        <v>108</v>
      </c>
      <c r="D25" s="99">
        <v>2</v>
      </c>
      <c r="E25" s="99">
        <v>18</v>
      </c>
      <c r="F25" s="99" t="s">
        <v>84</v>
      </c>
      <c r="G25" s="96" t="s">
        <v>84</v>
      </c>
    </row>
    <row r="26" spans="1:8" x14ac:dyDescent="0.2">
      <c r="A26" s="486"/>
      <c r="B26" s="487"/>
      <c r="C26" s="94" t="s">
        <v>109</v>
      </c>
      <c r="D26" s="99">
        <v>2</v>
      </c>
      <c r="E26" s="99">
        <v>18</v>
      </c>
      <c r="F26" s="99" t="s">
        <v>84</v>
      </c>
      <c r="G26" s="96" t="s">
        <v>84</v>
      </c>
    </row>
    <row r="27" spans="1:8" ht="30" customHeight="1" x14ac:dyDescent="0.2">
      <c r="A27" s="486" t="s">
        <v>24</v>
      </c>
      <c r="B27" s="487" t="s">
        <v>25</v>
      </c>
      <c r="C27" s="94" t="s">
        <v>90</v>
      </c>
      <c r="D27" s="99">
        <v>2</v>
      </c>
      <c r="E27" s="100">
        <v>18</v>
      </c>
      <c r="F27" s="100">
        <v>69.010000000000005</v>
      </c>
      <c r="G27" s="170">
        <v>42263619.460000001</v>
      </c>
    </row>
    <row r="28" spans="1:8" ht="22.5" customHeight="1" x14ac:dyDescent="0.2">
      <c r="A28" s="486"/>
      <c r="B28" s="487"/>
      <c r="C28" s="102" t="s">
        <v>91</v>
      </c>
      <c r="D28" s="96">
        <v>2</v>
      </c>
      <c r="E28" s="100">
        <v>18</v>
      </c>
      <c r="F28" s="100">
        <v>0</v>
      </c>
      <c r="G28" s="103" t="s">
        <v>92</v>
      </c>
    </row>
    <row r="29" spans="1:8" ht="36.75" customHeight="1" x14ac:dyDescent="0.2">
      <c r="A29" s="104" t="s">
        <v>27</v>
      </c>
      <c r="B29" s="105" t="s">
        <v>28</v>
      </c>
      <c r="C29" s="106"/>
      <c r="D29" s="107"/>
      <c r="E29" s="108"/>
      <c r="F29" s="108"/>
      <c r="G29" s="109"/>
      <c r="H29" s="7"/>
    </row>
    <row r="30" spans="1:8" ht="29.25" customHeight="1" x14ac:dyDescent="0.2">
      <c r="A30" s="104" t="s">
        <v>30</v>
      </c>
      <c r="B30" s="105" t="s">
        <v>31</v>
      </c>
      <c r="C30" s="106"/>
      <c r="D30" s="107"/>
      <c r="E30" s="108"/>
      <c r="F30" s="108"/>
      <c r="G30" s="109"/>
      <c r="H30" s="7"/>
    </row>
    <row r="31" spans="1:8" ht="34.5" customHeight="1" x14ac:dyDescent="0.2">
      <c r="A31" s="104" t="s">
        <v>33</v>
      </c>
      <c r="B31" s="105" t="s">
        <v>34</v>
      </c>
      <c r="C31" s="106"/>
      <c r="D31" s="107"/>
      <c r="E31" s="108"/>
      <c r="F31" s="108"/>
      <c r="G31" s="109"/>
      <c r="H31" s="7"/>
    </row>
    <row r="32" spans="1:8" ht="63.75" x14ac:dyDescent="0.2">
      <c r="A32" s="110" t="s">
        <v>352</v>
      </c>
      <c r="B32" s="98" t="s">
        <v>39</v>
      </c>
      <c r="C32" s="111" t="s">
        <v>110</v>
      </c>
      <c r="D32" s="99">
        <v>2</v>
      </c>
      <c r="E32" s="100">
        <v>18</v>
      </c>
      <c r="F32" s="112">
        <v>77.5</v>
      </c>
      <c r="G32" s="170">
        <v>3091748.04</v>
      </c>
      <c r="H32" s="7"/>
    </row>
    <row r="33" spans="1:8" ht="24.75" customHeight="1" x14ac:dyDescent="0.2">
      <c r="A33" s="490" t="s">
        <v>42</v>
      </c>
      <c r="B33" s="491" t="s">
        <v>186</v>
      </c>
      <c r="C33" s="111" t="s">
        <v>154</v>
      </c>
      <c r="D33" s="99">
        <v>1</v>
      </c>
      <c r="E33" s="100">
        <v>20</v>
      </c>
      <c r="F33" s="112">
        <v>74.39</v>
      </c>
      <c r="G33" s="170">
        <v>2017771.5</v>
      </c>
      <c r="H33" s="7"/>
    </row>
    <row r="34" spans="1:8" ht="42.75" customHeight="1" x14ac:dyDescent="0.2">
      <c r="A34" s="490"/>
      <c r="B34" s="491"/>
      <c r="C34" s="113" t="s">
        <v>153</v>
      </c>
      <c r="D34" s="99">
        <v>1</v>
      </c>
      <c r="E34" s="100">
        <v>20</v>
      </c>
      <c r="F34" s="100">
        <v>62.5</v>
      </c>
      <c r="G34" s="170">
        <v>2298031.4500000002</v>
      </c>
      <c r="H34" s="7"/>
    </row>
    <row r="35" spans="1:8" ht="42.75" customHeight="1" x14ac:dyDescent="0.2">
      <c r="A35" s="490"/>
      <c r="B35" s="491"/>
      <c r="C35" s="113" t="s">
        <v>155</v>
      </c>
      <c r="D35" s="99" t="s">
        <v>120</v>
      </c>
      <c r="E35" s="99">
        <v>0</v>
      </c>
      <c r="F35" s="100">
        <v>80</v>
      </c>
      <c r="G35" s="170">
        <v>1885474.5</v>
      </c>
      <c r="H35" s="7"/>
    </row>
    <row r="36" spans="1:8" ht="42.75" customHeight="1" x14ac:dyDescent="0.2">
      <c r="A36" s="490"/>
      <c r="B36" s="491"/>
      <c r="C36" s="113" t="s">
        <v>156</v>
      </c>
      <c r="D36" s="99" t="s">
        <v>120</v>
      </c>
      <c r="E36" s="100">
        <v>0</v>
      </c>
      <c r="F36" s="100">
        <v>-58.31</v>
      </c>
      <c r="G36" s="170">
        <v>5145184.49</v>
      </c>
      <c r="H36" s="7"/>
    </row>
    <row r="37" spans="1:8" ht="51" x14ac:dyDescent="0.2">
      <c r="A37" s="114" t="s">
        <v>45</v>
      </c>
      <c r="B37" s="105" t="s">
        <v>46</v>
      </c>
      <c r="C37" s="115"/>
      <c r="D37" s="116"/>
      <c r="E37" s="108"/>
      <c r="F37" s="108"/>
      <c r="G37" s="109"/>
      <c r="H37" s="7"/>
    </row>
    <row r="38" spans="1:8" ht="33.75" customHeight="1" x14ac:dyDescent="0.2">
      <c r="A38" s="114" t="s">
        <v>49</v>
      </c>
      <c r="B38" s="105" t="s">
        <v>50</v>
      </c>
      <c r="C38" s="115"/>
      <c r="D38" s="116"/>
      <c r="E38" s="108"/>
      <c r="F38" s="108"/>
      <c r="G38" s="109"/>
      <c r="H38" s="7"/>
    </row>
    <row r="39" spans="1:8" ht="38.25" x14ac:dyDescent="0.2">
      <c r="A39" s="117" t="s">
        <v>51</v>
      </c>
      <c r="B39" s="105" t="s">
        <v>52</v>
      </c>
      <c r="C39" s="115"/>
      <c r="D39" s="116"/>
      <c r="E39" s="108"/>
      <c r="F39" s="108"/>
      <c r="G39" s="109"/>
      <c r="H39" s="7"/>
    </row>
    <row r="40" spans="1:8" x14ac:dyDescent="0.2">
      <c r="A40" s="118" t="s">
        <v>158</v>
      </c>
      <c r="B40" s="119" t="s">
        <v>159</v>
      </c>
      <c r="C40" s="119" t="s">
        <v>167</v>
      </c>
      <c r="D40" s="119" t="s">
        <v>84</v>
      </c>
      <c r="E40" s="119" t="s">
        <v>84</v>
      </c>
      <c r="F40" s="119" t="s">
        <v>84</v>
      </c>
      <c r="G40" s="119" t="s">
        <v>84</v>
      </c>
      <c r="H40" s="7"/>
    </row>
    <row r="41" spans="1:8" ht="15" customHeight="1" x14ac:dyDescent="0.2">
      <c r="A41" s="470" t="s">
        <v>158</v>
      </c>
      <c r="B41" s="471" t="s">
        <v>159</v>
      </c>
      <c r="C41" s="471" t="s">
        <v>168</v>
      </c>
      <c r="D41" s="471" t="s">
        <v>84</v>
      </c>
      <c r="E41" s="471" t="s">
        <v>84</v>
      </c>
      <c r="F41" s="471" t="s">
        <v>84</v>
      </c>
      <c r="G41" s="471" t="s">
        <v>84</v>
      </c>
    </row>
    <row r="42" spans="1:8" ht="15.75" customHeight="1" x14ac:dyDescent="0.2">
      <c r="A42" s="470"/>
      <c r="B42" s="471"/>
      <c r="C42" s="471"/>
      <c r="D42" s="471"/>
      <c r="E42" s="471"/>
      <c r="F42" s="471"/>
      <c r="G42" s="471"/>
    </row>
    <row r="43" spans="1:8" ht="15" customHeight="1" x14ac:dyDescent="0.2">
      <c r="A43" s="118"/>
      <c r="B43" s="119"/>
      <c r="C43" s="471" t="s">
        <v>169</v>
      </c>
      <c r="D43" s="471" t="s">
        <v>84</v>
      </c>
      <c r="E43" s="471" t="s">
        <v>84</v>
      </c>
      <c r="F43" s="471" t="s">
        <v>84</v>
      </c>
      <c r="G43" s="471" t="s">
        <v>84</v>
      </c>
    </row>
    <row r="44" spans="1:8" x14ac:dyDescent="0.2">
      <c r="A44" s="118" t="s">
        <v>158</v>
      </c>
      <c r="B44" s="119" t="s">
        <v>159</v>
      </c>
      <c r="C44" s="471"/>
      <c r="D44" s="471"/>
      <c r="E44" s="471"/>
      <c r="F44" s="471"/>
      <c r="G44" s="471"/>
    </row>
    <row r="45" spans="1:8" x14ac:dyDescent="0.2">
      <c r="A45" s="118" t="s">
        <v>158</v>
      </c>
      <c r="B45" s="119" t="s">
        <v>159</v>
      </c>
      <c r="C45" s="119" t="s">
        <v>170</v>
      </c>
      <c r="D45" s="119" t="s">
        <v>84</v>
      </c>
      <c r="E45" s="119" t="s">
        <v>84</v>
      </c>
      <c r="F45" s="119" t="s">
        <v>84</v>
      </c>
      <c r="G45" s="119" t="s">
        <v>84</v>
      </c>
    </row>
    <row r="46" spans="1:8" x14ac:dyDescent="0.2">
      <c r="A46" s="118" t="s">
        <v>158</v>
      </c>
      <c r="B46" s="119" t="s">
        <v>159</v>
      </c>
      <c r="C46" s="119" t="s">
        <v>171</v>
      </c>
      <c r="D46" s="119" t="s">
        <v>84</v>
      </c>
      <c r="E46" s="119" t="s">
        <v>84</v>
      </c>
      <c r="F46" s="119" t="s">
        <v>84</v>
      </c>
      <c r="G46" s="119" t="s">
        <v>84</v>
      </c>
    </row>
    <row r="47" spans="1:8" ht="51" x14ac:dyDescent="0.2">
      <c r="A47" s="120" t="s">
        <v>179</v>
      </c>
      <c r="B47" s="111" t="s">
        <v>174</v>
      </c>
      <c r="C47" s="111" t="s">
        <v>180</v>
      </c>
      <c r="D47" s="116">
        <v>1</v>
      </c>
      <c r="E47" s="116">
        <v>20</v>
      </c>
      <c r="F47" s="99">
        <v>15.43</v>
      </c>
      <c r="G47" s="121">
        <v>710024.26</v>
      </c>
    </row>
    <row r="48" spans="1:8" ht="51" x14ac:dyDescent="0.2">
      <c r="A48" s="120" t="s">
        <v>179</v>
      </c>
      <c r="B48" s="111" t="s">
        <v>174</v>
      </c>
      <c r="C48" s="111" t="s">
        <v>181</v>
      </c>
      <c r="D48" s="116">
        <v>1</v>
      </c>
      <c r="E48" s="116">
        <v>20</v>
      </c>
      <c r="F48" s="99" t="s">
        <v>84</v>
      </c>
      <c r="G48" s="99"/>
    </row>
    <row r="49" spans="1:7" ht="51" x14ac:dyDescent="0.2">
      <c r="A49" s="120" t="s">
        <v>179</v>
      </c>
      <c r="B49" s="111" t="s">
        <v>174</v>
      </c>
      <c r="C49" s="111" t="s">
        <v>182</v>
      </c>
      <c r="D49" s="116">
        <v>1</v>
      </c>
      <c r="E49" s="116">
        <v>20</v>
      </c>
      <c r="F49" s="99" t="s">
        <v>84</v>
      </c>
      <c r="G49" s="99"/>
    </row>
    <row r="50" spans="1:7" ht="51" x14ac:dyDescent="0.2">
      <c r="A50" s="120" t="s">
        <v>179</v>
      </c>
      <c r="B50" s="111" t="s">
        <v>174</v>
      </c>
      <c r="C50" s="111" t="s">
        <v>183</v>
      </c>
      <c r="D50" s="116">
        <v>1</v>
      </c>
      <c r="E50" s="116">
        <v>20</v>
      </c>
      <c r="F50" s="99">
        <v>32.619999999999997</v>
      </c>
      <c r="G50" s="121">
        <v>625629.53</v>
      </c>
    </row>
    <row r="51" spans="1:7" ht="15.75" hidden="1" customHeight="1" thickBot="1" x14ac:dyDescent="0.25">
      <c r="A51" s="120" t="s">
        <v>179</v>
      </c>
      <c r="B51" s="111" t="s">
        <v>174</v>
      </c>
      <c r="C51" s="111"/>
      <c r="D51" s="122"/>
      <c r="E51" s="122"/>
      <c r="F51" s="99"/>
      <c r="G51" s="99"/>
    </row>
    <row r="52" spans="1:7" ht="51" x14ac:dyDescent="0.2">
      <c r="A52" s="120" t="s">
        <v>179</v>
      </c>
      <c r="B52" s="111" t="s">
        <v>174</v>
      </c>
      <c r="C52" s="123" t="s">
        <v>184</v>
      </c>
      <c r="D52" s="100">
        <v>1</v>
      </c>
      <c r="E52" s="100">
        <v>20</v>
      </c>
      <c r="F52" s="100" t="s">
        <v>84</v>
      </c>
      <c r="G52" s="124"/>
    </row>
    <row r="53" spans="1:7" ht="51" x14ac:dyDescent="0.2">
      <c r="A53" s="120" t="s">
        <v>179</v>
      </c>
      <c r="B53" s="111" t="s">
        <v>174</v>
      </c>
      <c r="C53" s="123" t="s">
        <v>185</v>
      </c>
      <c r="D53" s="100">
        <v>1</v>
      </c>
      <c r="E53" s="100">
        <v>20</v>
      </c>
      <c r="F53" s="100" t="s">
        <v>84</v>
      </c>
      <c r="G53" s="124"/>
    </row>
    <row r="54" spans="1:7" ht="216.75" x14ac:dyDescent="0.2">
      <c r="A54" s="120" t="s">
        <v>187</v>
      </c>
      <c r="B54" s="111" t="s">
        <v>188</v>
      </c>
      <c r="C54" s="125" t="s">
        <v>353</v>
      </c>
      <c r="D54" s="100" t="s">
        <v>84</v>
      </c>
      <c r="E54" s="100" t="s">
        <v>84</v>
      </c>
      <c r="F54" s="100" t="s">
        <v>84</v>
      </c>
      <c r="G54" s="100" t="s">
        <v>84</v>
      </c>
    </row>
    <row r="55" spans="1:7" ht="25.5" x14ac:dyDescent="0.2">
      <c r="A55" s="118" t="s">
        <v>179</v>
      </c>
      <c r="B55" s="119" t="s">
        <v>198</v>
      </c>
      <c r="C55" s="119" t="s">
        <v>180</v>
      </c>
      <c r="D55" s="126">
        <v>1</v>
      </c>
      <c r="E55" s="126">
        <v>20</v>
      </c>
      <c r="F55" s="126">
        <v>15.43</v>
      </c>
      <c r="G55" s="119"/>
    </row>
    <row r="56" spans="1:7" ht="25.5" x14ac:dyDescent="0.2">
      <c r="A56" s="118" t="s">
        <v>179</v>
      </c>
      <c r="B56" s="119" t="s">
        <v>198</v>
      </c>
      <c r="C56" s="119" t="s">
        <v>201</v>
      </c>
      <c r="D56" s="126"/>
      <c r="E56" s="126"/>
      <c r="F56" s="126"/>
      <c r="G56" s="119"/>
    </row>
    <row r="57" spans="1:7" ht="25.5" x14ac:dyDescent="0.2">
      <c r="A57" s="118" t="s">
        <v>179</v>
      </c>
      <c r="B57" s="119" t="s">
        <v>198</v>
      </c>
      <c r="C57" s="119" t="s">
        <v>182</v>
      </c>
      <c r="D57" s="126"/>
      <c r="E57" s="126"/>
      <c r="F57" s="126"/>
      <c r="G57" s="119"/>
    </row>
    <row r="58" spans="1:7" x14ac:dyDescent="0.2">
      <c r="A58" s="118" t="s">
        <v>203</v>
      </c>
      <c r="B58" s="471" t="s">
        <v>227</v>
      </c>
      <c r="C58" s="471" t="s">
        <v>228</v>
      </c>
      <c r="D58" s="469">
        <v>1</v>
      </c>
      <c r="E58" s="469" t="s">
        <v>207</v>
      </c>
      <c r="F58" s="469" t="s">
        <v>207</v>
      </c>
      <c r="G58" s="469" t="s">
        <v>229</v>
      </c>
    </row>
    <row r="59" spans="1:7" ht="38.25" x14ac:dyDescent="0.2">
      <c r="A59" s="119" t="s">
        <v>226</v>
      </c>
      <c r="B59" s="471"/>
      <c r="C59" s="471"/>
      <c r="D59" s="469"/>
      <c r="E59" s="469"/>
      <c r="F59" s="469"/>
      <c r="G59" s="469"/>
    </row>
    <row r="60" spans="1:7" ht="15.75" customHeight="1" x14ac:dyDescent="0.2">
      <c r="A60" s="118" t="s">
        <v>203</v>
      </c>
      <c r="B60" s="471" t="s">
        <v>227</v>
      </c>
      <c r="C60" s="496" t="s">
        <v>230</v>
      </c>
      <c r="D60" s="469">
        <v>2</v>
      </c>
      <c r="E60" s="469" t="s">
        <v>207</v>
      </c>
      <c r="F60" s="469" t="s">
        <v>207</v>
      </c>
      <c r="G60" s="469" t="s">
        <v>229</v>
      </c>
    </row>
    <row r="61" spans="1:7" ht="38.25" x14ac:dyDescent="0.2">
      <c r="A61" s="119" t="s">
        <v>226</v>
      </c>
      <c r="B61" s="471"/>
      <c r="C61" s="496"/>
      <c r="D61" s="469"/>
      <c r="E61" s="469"/>
      <c r="F61" s="469"/>
      <c r="G61" s="469"/>
    </row>
    <row r="62" spans="1:7" x14ac:dyDescent="0.2">
      <c r="A62" s="118" t="s">
        <v>231</v>
      </c>
      <c r="B62" s="119" t="s">
        <v>232</v>
      </c>
      <c r="C62" s="119" t="s">
        <v>243</v>
      </c>
      <c r="D62" s="217" t="s">
        <v>244</v>
      </c>
      <c r="E62" s="217" t="s">
        <v>84</v>
      </c>
      <c r="F62" s="217" t="s">
        <v>84</v>
      </c>
      <c r="G62" s="217" t="s">
        <v>84</v>
      </c>
    </row>
    <row r="63" spans="1:7" x14ac:dyDescent="0.2">
      <c r="A63" s="118" t="s">
        <v>231</v>
      </c>
      <c r="B63" s="119" t="s">
        <v>232</v>
      </c>
      <c r="C63" s="119" t="s">
        <v>245</v>
      </c>
      <c r="D63" s="217" t="s">
        <v>246</v>
      </c>
      <c r="E63" s="217" t="s">
        <v>84</v>
      </c>
      <c r="F63" s="217" t="s">
        <v>84</v>
      </c>
      <c r="G63" s="217" t="s">
        <v>84</v>
      </c>
    </row>
    <row r="64" spans="1:7" x14ac:dyDescent="0.2">
      <c r="A64" s="118" t="s">
        <v>231</v>
      </c>
      <c r="B64" s="119" t="s">
        <v>232</v>
      </c>
      <c r="C64" s="119" t="s">
        <v>247</v>
      </c>
      <c r="D64" s="217" t="s">
        <v>246</v>
      </c>
      <c r="E64" s="217" t="s">
        <v>84</v>
      </c>
      <c r="F64" s="217" t="s">
        <v>84</v>
      </c>
      <c r="G64" s="217" t="s">
        <v>84</v>
      </c>
    </row>
    <row r="65" spans="1:7" x14ac:dyDescent="0.2">
      <c r="A65" s="118" t="s">
        <v>231</v>
      </c>
      <c r="B65" s="119" t="s">
        <v>248</v>
      </c>
      <c r="C65" s="119" t="s">
        <v>249</v>
      </c>
      <c r="D65" s="217" t="s">
        <v>246</v>
      </c>
      <c r="E65" s="217" t="s">
        <v>84</v>
      </c>
      <c r="F65" s="217" t="s">
        <v>84</v>
      </c>
      <c r="G65" s="217" t="s">
        <v>84</v>
      </c>
    </row>
    <row r="66" spans="1:7" x14ac:dyDescent="0.2">
      <c r="A66" s="118" t="s">
        <v>231</v>
      </c>
      <c r="B66" s="119" t="s">
        <v>248</v>
      </c>
      <c r="C66" s="119" t="s">
        <v>250</v>
      </c>
      <c r="D66" s="217" t="s">
        <v>246</v>
      </c>
      <c r="E66" s="217" t="s">
        <v>84</v>
      </c>
      <c r="F66" s="217" t="s">
        <v>84</v>
      </c>
      <c r="G66" s="217" t="s">
        <v>84</v>
      </c>
    </row>
    <row r="67" spans="1:7" x14ac:dyDescent="0.2">
      <c r="A67" s="118" t="s">
        <v>231</v>
      </c>
      <c r="B67" s="119" t="s">
        <v>248</v>
      </c>
      <c r="C67" s="119" t="s">
        <v>251</v>
      </c>
      <c r="D67" s="217" t="s">
        <v>246</v>
      </c>
      <c r="E67" s="217" t="s">
        <v>84</v>
      </c>
      <c r="F67" s="217" t="s">
        <v>84</v>
      </c>
      <c r="G67" s="217" t="s">
        <v>84</v>
      </c>
    </row>
    <row r="68" spans="1:7" x14ac:dyDescent="0.2">
      <c r="A68" s="470" t="s">
        <v>231</v>
      </c>
      <c r="B68" s="471" t="s">
        <v>248</v>
      </c>
      <c r="C68" s="471" t="s">
        <v>252</v>
      </c>
      <c r="D68" s="469" t="s">
        <v>244</v>
      </c>
      <c r="E68" s="469" t="s">
        <v>84</v>
      </c>
      <c r="F68" s="469" t="s">
        <v>84</v>
      </c>
      <c r="G68" s="469" t="s">
        <v>84</v>
      </c>
    </row>
    <row r="69" spans="1:7" x14ac:dyDescent="0.2">
      <c r="A69" s="470"/>
      <c r="B69" s="471"/>
      <c r="C69" s="471"/>
      <c r="D69" s="469"/>
      <c r="E69" s="469"/>
      <c r="F69" s="469"/>
      <c r="G69" s="469"/>
    </row>
    <row r="70" spans="1:7" x14ac:dyDescent="0.2">
      <c r="A70" s="118" t="s">
        <v>231</v>
      </c>
      <c r="B70" s="119" t="s">
        <v>248</v>
      </c>
      <c r="C70" s="119" t="s">
        <v>253</v>
      </c>
      <c r="D70" s="217" t="s">
        <v>246</v>
      </c>
      <c r="E70" s="217" t="s">
        <v>84</v>
      </c>
      <c r="F70" s="217" t="s">
        <v>84</v>
      </c>
      <c r="G70" s="217" t="s">
        <v>84</v>
      </c>
    </row>
    <row r="71" spans="1:7" x14ac:dyDescent="0.2">
      <c r="A71" s="118" t="s">
        <v>231</v>
      </c>
      <c r="B71" s="119" t="s">
        <v>248</v>
      </c>
      <c r="C71" s="119" t="s">
        <v>254</v>
      </c>
      <c r="D71" s="217" t="s">
        <v>246</v>
      </c>
      <c r="E71" s="217" t="s">
        <v>84</v>
      </c>
      <c r="F71" s="217" t="s">
        <v>84</v>
      </c>
      <c r="G71" s="217" t="s">
        <v>84</v>
      </c>
    </row>
    <row r="72" spans="1:7" x14ac:dyDescent="0.2">
      <c r="A72" s="118" t="s">
        <v>231</v>
      </c>
      <c r="B72" s="119" t="s">
        <v>248</v>
      </c>
      <c r="C72" s="119" t="s">
        <v>255</v>
      </c>
      <c r="D72" s="217" t="s">
        <v>244</v>
      </c>
      <c r="E72" s="217" t="s">
        <v>84</v>
      </c>
      <c r="F72" s="217" t="s">
        <v>84</v>
      </c>
      <c r="G72" s="217" t="s">
        <v>84</v>
      </c>
    </row>
    <row r="73" spans="1:7" x14ac:dyDescent="0.2">
      <c r="A73" s="118" t="s">
        <v>231</v>
      </c>
      <c r="B73" s="119" t="s">
        <v>248</v>
      </c>
      <c r="C73" s="119" t="s">
        <v>256</v>
      </c>
      <c r="D73" s="217" t="s">
        <v>246</v>
      </c>
      <c r="E73" s="217" t="s">
        <v>84</v>
      </c>
      <c r="F73" s="217" t="s">
        <v>84</v>
      </c>
      <c r="G73" s="217" t="s">
        <v>84</v>
      </c>
    </row>
    <row r="74" spans="1:7" x14ac:dyDescent="0.2">
      <c r="A74" s="118" t="s">
        <v>231</v>
      </c>
      <c r="B74" s="119" t="s">
        <v>248</v>
      </c>
      <c r="C74" s="119" t="s">
        <v>257</v>
      </c>
      <c r="D74" s="217" t="s">
        <v>246</v>
      </c>
      <c r="E74" s="217" t="s">
        <v>84</v>
      </c>
      <c r="F74" s="217" t="s">
        <v>84</v>
      </c>
      <c r="G74" s="217" t="s">
        <v>84</v>
      </c>
    </row>
    <row r="75" spans="1:7" x14ac:dyDescent="0.2">
      <c r="A75" s="118" t="s">
        <v>231</v>
      </c>
      <c r="B75" s="119" t="s">
        <v>248</v>
      </c>
      <c r="C75" s="119" t="s">
        <v>258</v>
      </c>
      <c r="D75" s="217" t="s">
        <v>259</v>
      </c>
      <c r="E75" s="217" t="s">
        <v>84</v>
      </c>
      <c r="F75" s="217" t="s">
        <v>84</v>
      </c>
      <c r="G75" s="217" t="s">
        <v>84</v>
      </c>
    </row>
    <row r="76" spans="1:7" ht="32.25" customHeight="1" x14ac:dyDescent="0.2">
      <c r="A76" s="473" t="s">
        <v>260</v>
      </c>
      <c r="B76" s="474" t="s">
        <v>261</v>
      </c>
      <c r="C76" s="468" t="s">
        <v>267</v>
      </c>
      <c r="D76" s="469" t="s">
        <v>268</v>
      </c>
      <c r="E76" s="123"/>
      <c r="F76" s="476">
        <v>57.5</v>
      </c>
      <c r="G76" s="43"/>
    </row>
    <row r="77" spans="1:7" x14ac:dyDescent="0.2">
      <c r="A77" s="473"/>
      <c r="B77" s="474"/>
      <c r="C77" s="468"/>
      <c r="D77" s="469"/>
      <c r="E77" s="123">
        <v>20</v>
      </c>
      <c r="F77" s="476"/>
      <c r="G77" s="169" t="s">
        <v>269</v>
      </c>
    </row>
    <row r="78" spans="1:7" ht="32.25" customHeight="1" x14ac:dyDescent="0.2">
      <c r="A78" s="473" t="s">
        <v>260</v>
      </c>
      <c r="B78" s="474" t="s">
        <v>261</v>
      </c>
      <c r="C78" s="468" t="s">
        <v>270</v>
      </c>
      <c r="D78" s="469" t="s">
        <v>271</v>
      </c>
      <c r="E78" s="475">
        <v>18</v>
      </c>
      <c r="F78" s="169"/>
      <c r="G78" s="169"/>
    </row>
    <row r="79" spans="1:7" x14ac:dyDescent="0.2">
      <c r="A79" s="473"/>
      <c r="B79" s="474"/>
      <c r="C79" s="468"/>
      <c r="D79" s="469"/>
      <c r="E79" s="475"/>
      <c r="F79" s="169">
        <v>41.73</v>
      </c>
      <c r="G79" s="169" t="s">
        <v>272</v>
      </c>
    </row>
    <row r="80" spans="1:7" ht="32.25" customHeight="1" x14ac:dyDescent="0.2">
      <c r="A80" s="473" t="s">
        <v>260</v>
      </c>
      <c r="B80" s="474" t="s">
        <v>261</v>
      </c>
      <c r="C80" s="468" t="s">
        <v>273</v>
      </c>
      <c r="D80" s="469" t="s">
        <v>274</v>
      </c>
      <c r="E80" s="475">
        <v>18</v>
      </c>
      <c r="F80" s="169"/>
      <c r="G80" s="169"/>
    </row>
    <row r="81" spans="1:7" x14ac:dyDescent="0.2">
      <c r="A81" s="473"/>
      <c r="B81" s="474"/>
      <c r="C81" s="468"/>
      <c r="D81" s="469"/>
      <c r="E81" s="475"/>
      <c r="F81" s="169">
        <v>63.91</v>
      </c>
      <c r="G81" s="169" t="s">
        <v>275</v>
      </c>
    </row>
    <row r="82" spans="1:7" ht="32.25" customHeight="1" x14ac:dyDescent="0.2">
      <c r="A82" s="473" t="s">
        <v>260</v>
      </c>
      <c r="B82" s="474" t="s">
        <v>261</v>
      </c>
      <c r="C82" s="468" t="s">
        <v>276</v>
      </c>
      <c r="D82" s="469" t="s">
        <v>277</v>
      </c>
      <c r="E82" s="123" t="s">
        <v>278</v>
      </c>
      <c r="F82" s="169"/>
      <c r="G82" s="169"/>
    </row>
    <row r="83" spans="1:7" x14ac:dyDescent="0.2">
      <c r="A83" s="473"/>
      <c r="B83" s="474"/>
      <c r="C83" s="468"/>
      <c r="D83" s="469"/>
      <c r="E83" s="123">
        <v>20</v>
      </c>
      <c r="F83" s="169">
        <v>57.45</v>
      </c>
      <c r="G83" s="169" t="s">
        <v>279</v>
      </c>
    </row>
    <row r="84" spans="1:7" ht="32.25" customHeight="1" x14ac:dyDescent="0.2">
      <c r="A84" s="473" t="s">
        <v>260</v>
      </c>
      <c r="B84" s="474" t="s">
        <v>261</v>
      </c>
      <c r="C84" s="468" t="s">
        <v>280</v>
      </c>
      <c r="D84" s="469" t="s">
        <v>281</v>
      </c>
      <c r="E84" s="123"/>
      <c r="F84" s="169" t="s">
        <v>282</v>
      </c>
      <c r="G84" s="169"/>
    </row>
    <row r="85" spans="1:7" x14ac:dyDescent="0.2">
      <c r="A85" s="473"/>
      <c r="B85" s="474"/>
      <c r="C85" s="468"/>
      <c r="D85" s="469"/>
      <c r="E85" s="123">
        <v>20</v>
      </c>
      <c r="F85" s="169">
        <v>71.84</v>
      </c>
      <c r="G85" s="169" t="s">
        <v>283</v>
      </c>
    </row>
    <row r="86" spans="1:7" x14ac:dyDescent="0.2">
      <c r="A86" s="473" t="s">
        <v>260</v>
      </c>
      <c r="B86" s="474" t="s">
        <v>261</v>
      </c>
      <c r="C86" s="468" t="s">
        <v>284</v>
      </c>
      <c r="D86" s="469" t="s">
        <v>277</v>
      </c>
      <c r="E86" s="123"/>
      <c r="F86" s="169" t="s">
        <v>285</v>
      </c>
      <c r="G86" s="169"/>
    </row>
    <row r="87" spans="1:7" x14ac:dyDescent="0.2">
      <c r="A87" s="473"/>
      <c r="B87" s="474"/>
      <c r="C87" s="468"/>
      <c r="D87" s="469"/>
      <c r="E87" s="123">
        <v>20</v>
      </c>
      <c r="F87" s="169">
        <v>63.94</v>
      </c>
      <c r="G87" s="169" t="s">
        <v>286</v>
      </c>
    </row>
    <row r="88" spans="1:7" x14ac:dyDescent="0.2">
      <c r="A88" s="473"/>
      <c r="B88" s="474"/>
      <c r="C88" s="468"/>
      <c r="D88" s="469"/>
      <c r="E88" s="123"/>
      <c r="F88" s="169"/>
      <c r="G88" s="169"/>
    </row>
    <row r="89" spans="1:7" ht="32.25" customHeight="1" x14ac:dyDescent="0.2">
      <c r="A89" s="473" t="s">
        <v>260</v>
      </c>
      <c r="B89" s="474" t="s">
        <v>261</v>
      </c>
      <c r="C89" s="468" t="s">
        <v>287</v>
      </c>
      <c r="D89" s="469" t="s">
        <v>288</v>
      </c>
      <c r="E89" s="123"/>
      <c r="F89" s="169"/>
      <c r="G89" s="169"/>
    </row>
    <row r="90" spans="1:7" x14ac:dyDescent="0.2">
      <c r="A90" s="473"/>
      <c r="B90" s="474"/>
      <c r="C90" s="468"/>
      <c r="D90" s="469"/>
      <c r="E90" s="123">
        <v>20</v>
      </c>
      <c r="F90" s="169">
        <v>47.65</v>
      </c>
      <c r="G90" s="169" t="s">
        <v>289</v>
      </c>
    </row>
    <row r="91" spans="1:7" x14ac:dyDescent="0.2">
      <c r="A91" s="473" t="s">
        <v>260</v>
      </c>
      <c r="B91" s="474" t="s">
        <v>261</v>
      </c>
      <c r="C91" s="468" t="s">
        <v>290</v>
      </c>
      <c r="D91" s="469" t="s">
        <v>274</v>
      </c>
      <c r="E91" s="123"/>
      <c r="F91" s="169"/>
      <c r="G91" s="43"/>
    </row>
    <row r="92" spans="1:7" x14ac:dyDescent="0.2">
      <c r="A92" s="473"/>
      <c r="B92" s="474"/>
      <c r="C92" s="468"/>
      <c r="D92" s="469"/>
      <c r="E92" s="123"/>
      <c r="F92" s="169"/>
      <c r="G92" s="43"/>
    </row>
    <row r="93" spans="1:7" x14ac:dyDescent="0.2">
      <c r="A93" s="473"/>
      <c r="B93" s="474"/>
      <c r="C93" s="468"/>
      <c r="D93" s="469"/>
      <c r="E93" s="123" t="s">
        <v>191</v>
      </c>
      <c r="F93" s="169" t="s">
        <v>84</v>
      </c>
      <c r="G93" s="169" t="s">
        <v>84</v>
      </c>
    </row>
    <row r="94" spans="1:7" x14ac:dyDescent="0.2">
      <c r="A94" s="473" t="s">
        <v>260</v>
      </c>
      <c r="B94" s="474" t="s">
        <v>261</v>
      </c>
      <c r="C94" s="468" t="s">
        <v>291</v>
      </c>
      <c r="D94" s="469" t="s">
        <v>281</v>
      </c>
      <c r="E94" s="123"/>
      <c r="F94" s="169"/>
      <c r="G94" s="169"/>
    </row>
    <row r="95" spans="1:7" x14ac:dyDescent="0.2">
      <c r="A95" s="473"/>
      <c r="B95" s="474"/>
      <c r="C95" s="468"/>
      <c r="D95" s="469"/>
      <c r="E95" s="123"/>
      <c r="F95" s="169"/>
      <c r="G95" s="169"/>
    </row>
    <row r="96" spans="1:7" x14ac:dyDescent="0.2">
      <c r="A96" s="473"/>
      <c r="B96" s="474"/>
      <c r="C96" s="468"/>
      <c r="D96" s="469"/>
      <c r="E96" s="123" t="s">
        <v>84</v>
      </c>
      <c r="F96" s="169" t="s">
        <v>84</v>
      </c>
      <c r="G96" s="169" t="s">
        <v>84</v>
      </c>
    </row>
    <row r="97" spans="1:7" ht="38.25" x14ac:dyDescent="0.2">
      <c r="A97" s="127" t="s">
        <v>260</v>
      </c>
      <c r="B97" s="43" t="s">
        <v>261</v>
      </c>
      <c r="C97" s="128" t="s">
        <v>292</v>
      </c>
      <c r="D97" s="217" t="s">
        <v>293</v>
      </c>
      <c r="E97" s="123"/>
      <c r="F97" s="169"/>
      <c r="G97" s="169"/>
    </row>
    <row r="98" spans="1:7" x14ac:dyDescent="0.2">
      <c r="A98" s="470" t="s">
        <v>260</v>
      </c>
      <c r="B98" s="471" t="s">
        <v>261</v>
      </c>
      <c r="C98" s="472" t="s">
        <v>308</v>
      </c>
      <c r="D98" s="469" t="s">
        <v>309</v>
      </c>
      <c r="E98" s="217"/>
      <c r="F98" s="217"/>
      <c r="G98" s="217"/>
    </row>
    <row r="99" spans="1:7" x14ac:dyDescent="0.2">
      <c r="A99" s="470"/>
      <c r="B99" s="471"/>
      <c r="C99" s="472"/>
      <c r="D99" s="469"/>
      <c r="E99" s="217"/>
      <c r="F99" s="217"/>
      <c r="G99" s="217"/>
    </row>
    <row r="100" spans="1:7" x14ac:dyDescent="0.2">
      <c r="A100" s="470"/>
      <c r="B100" s="471"/>
      <c r="C100" s="472"/>
      <c r="D100" s="469"/>
      <c r="E100" s="217" t="s">
        <v>84</v>
      </c>
      <c r="F100" s="217" t="s">
        <v>84</v>
      </c>
      <c r="G100" s="217" t="s">
        <v>84</v>
      </c>
    </row>
    <row r="101" spans="1:7" ht="38.25" x14ac:dyDescent="0.2">
      <c r="A101" s="118" t="s">
        <v>260</v>
      </c>
      <c r="B101" s="119" t="s">
        <v>261</v>
      </c>
      <c r="C101" s="129" t="s">
        <v>310</v>
      </c>
      <c r="D101" s="217" t="s">
        <v>281</v>
      </c>
      <c r="E101" s="217"/>
      <c r="F101" s="217"/>
      <c r="G101" s="217"/>
    </row>
    <row r="102" spans="1:7" ht="33.75" customHeight="1" x14ac:dyDescent="0.2">
      <c r="A102" s="470" t="s">
        <v>260</v>
      </c>
      <c r="B102" s="471" t="s">
        <v>261</v>
      </c>
      <c r="C102" s="472" t="s">
        <v>311</v>
      </c>
      <c r="D102" s="469" t="s">
        <v>309</v>
      </c>
      <c r="E102" s="469"/>
      <c r="F102" s="469"/>
      <c r="G102" s="469"/>
    </row>
    <row r="103" spans="1:7" x14ac:dyDescent="0.2">
      <c r="A103" s="470"/>
      <c r="B103" s="471"/>
      <c r="C103" s="472"/>
      <c r="D103" s="469"/>
      <c r="E103" s="469"/>
      <c r="F103" s="469"/>
      <c r="G103" s="469"/>
    </row>
    <row r="104" spans="1:7" x14ac:dyDescent="0.2">
      <c r="A104" s="470" t="s">
        <v>260</v>
      </c>
      <c r="B104" s="471" t="s">
        <v>261</v>
      </c>
      <c r="C104" s="472" t="s">
        <v>312</v>
      </c>
      <c r="D104" s="469" t="s">
        <v>313</v>
      </c>
      <c r="E104" s="217"/>
      <c r="F104" s="217"/>
      <c r="G104" s="217"/>
    </row>
    <row r="105" spans="1:7" x14ac:dyDescent="0.2">
      <c r="A105" s="470"/>
      <c r="B105" s="471"/>
      <c r="C105" s="472"/>
      <c r="D105" s="469"/>
      <c r="E105" s="217"/>
      <c r="F105" s="217"/>
      <c r="G105" s="217"/>
    </row>
    <row r="106" spans="1:7" x14ac:dyDescent="0.2">
      <c r="A106" s="470"/>
      <c r="B106" s="471"/>
      <c r="C106" s="472"/>
      <c r="D106" s="469"/>
      <c r="E106" s="217" t="s">
        <v>84</v>
      </c>
      <c r="F106" s="217" t="s">
        <v>84</v>
      </c>
      <c r="G106" s="217" t="s">
        <v>84</v>
      </c>
    </row>
    <row r="107" spans="1:7" x14ac:dyDescent="0.2">
      <c r="A107" s="470" t="s">
        <v>260</v>
      </c>
      <c r="B107" s="471" t="s">
        <v>261</v>
      </c>
      <c r="C107" s="472" t="s">
        <v>314</v>
      </c>
      <c r="D107" s="469" t="s">
        <v>315</v>
      </c>
      <c r="E107" s="217"/>
      <c r="F107" s="217"/>
      <c r="G107" s="217"/>
    </row>
    <row r="108" spans="1:7" x14ac:dyDescent="0.2">
      <c r="A108" s="470"/>
      <c r="B108" s="471"/>
      <c r="C108" s="472"/>
      <c r="D108" s="469"/>
      <c r="E108" s="217"/>
      <c r="F108" s="217"/>
      <c r="G108" s="217"/>
    </row>
    <row r="109" spans="1:7" x14ac:dyDescent="0.2">
      <c r="A109" s="470"/>
      <c r="B109" s="471"/>
      <c r="C109" s="472"/>
      <c r="D109" s="469"/>
      <c r="E109" s="217" t="s">
        <v>84</v>
      </c>
      <c r="F109" s="217" t="s">
        <v>84</v>
      </c>
      <c r="G109" s="217" t="s">
        <v>84</v>
      </c>
    </row>
    <row r="110" spans="1:7" x14ac:dyDescent="0.2">
      <c r="A110" s="470" t="s">
        <v>260</v>
      </c>
      <c r="B110" s="471" t="s">
        <v>261</v>
      </c>
      <c r="C110" s="472" t="s">
        <v>316</v>
      </c>
      <c r="D110" s="217" t="s">
        <v>317</v>
      </c>
      <c r="E110" s="217"/>
      <c r="F110" s="217"/>
      <c r="G110" s="217"/>
    </row>
    <row r="111" spans="1:7" x14ac:dyDescent="0.2">
      <c r="A111" s="470"/>
      <c r="B111" s="471"/>
      <c r="C111" s="472"/>
      <c r="D111" s="217"/>
      <c r="E111" s="217"/>
      <c r="F111" s="217"/>
      <c r="G111" s="217"/>
    </row>
    <row r="112" spans="1:7" x14ac:dyDescent="0.2">
      <c r="A112" s="470"/>
      <c r="B112" s="471"/>
      <c r="C112" s="472"/>
      <c r="D112" s="217" t="s">
        <v>246</v>
      </c>
      <c r="E112" s="217" t="s">
        <v>84</v>
      </c>
      <c r="F112" s="217" t="s">
        <v>84</v>
      </c>
      <c r="G112" s="217" t="s">
        <v>84</v>
      </c>
    </row>
    <row r="113" spans="1:7" x14ac:dyDescent="0.2">
      <c r="A113" s="470" t="s">
        <v>260</v>
      </c>
      <c r="B113" s="471" t="s">
        <v>261</v>
      </c>
      <c r="C113" s="472" t="s">
        <v>318</v>
      </c>
      <c r="D113" s="217"/>
      <c r="E113" s="217"/>
      <c r="F113" s="217"/>
      <c r="G113" s="217"/>
    </row>
    <row r="114" spans="1:7" x14ac:dyDescent="0.2">
      <c r="A114" s="470"/>
      <c r="B114" s="471"/>
      <c r="C114" s="472"/>
      <c r="D114" s="217" t="s">
        <v>246</v>
      </c>
      <c r="E114" s="217"/>
      <c r="F114" s="217"/>
      <c r="G114" s="217"/>
    </row>
    <row r="115" spans="1:7" x14ac:dyDescent="0.2">
      <c r="A115" s="470"/>
      <c r="B115" s="471"/>
      <c r="C115" s="472"/>
      <c r="D115" s="169"/>
      <c r="E115" s="217" t="s">
        <v>84</v>
      </c>
      <c r="F115" s="217" t="s">
        <v>84</v>
      </c>
      <c r="G115" s="217" t="s">
        <v>84</v>
      </c>
    </row>
    <row r="116" spans="1:7" x14ac:dyDescent="0.2">
      <c r="A116" s="470" t="s">
        <v>260</v>
      </c>
      <c r="B116" s="471" t="s">
        <v>261</v>
      </c>
      <c r="C116" s="472" t="s">
        <v>319</v>
      </c>
      <c r="D116" s="471" t="s">
        <v>293</v>
      </c>
      <c r="E116" s="217"/>
      <c r="F116" s="217"/>
      <c r="G116" s="217"/>
    </row>
    <row r="117" spans="1:7" x14ac:dyDescent="0.2">
      <c r="A117" s="470"/>
      <c r="B117" s="471"/>
      <c r="C117" s="472"/>
      <c r="D117" s="471"/>
      <c r="E117" s="217"/>
      <c r="F117" s="217"/>
      <c r="G117" s="217"/>
    </row>
    <row r="118" spans="1:7" x14ac:dyDescent="0.2">
      <c r="A118" s="470"/>
      <c r="B118" s="471"/>
      <c r="C118" s="472"/>
      <c r="D118" s="471"/>
      <c r="E118" s="217" t="s">
        <v>84</v>
      </c>
      <c r="F118" s="217" t="s">
        <v>84</v>
      </c>
      <c r="G118" s="217" t="s">
        <v>84</v>
      </c>
    </row>
    <row r="119" spans="1:7" x14ac:dyDescent="0.2">
      <c r="A119" s="470" t="s">
        <v>260</v>
      </c>
      <c r="B119" s="471" t="s">
        <v>261</v>
      </c>
      <c r="C119" s="472" t="s">
        <v>320</v>
      </c>
      <c r="D119" s="471" t="s">
        <v>268</v>
      </c>
      <c r="E119" s="217"/>
      <c r="F119" s="217"/>
      <c r="G119" s="217"/>
    </row>
    <row r="120" spans="1:7" x14ac:dyDescent="0.2">
      <c r="A120" s="470"/>
      <c r="B120" s="471"/>
      <c r="C120" s="472"/>
      <c r="D120" s="471"/>
      <c r="E120" s="217"/>
      <c r="F120" s="217"/>
      <c r="G120" s="217"/>
    </row>
    <row r="121" spans="1:7" x14ac:dyDescent="0.2">
      <c r="A121" s="470"/>
      <c r="B121" s="471"/>
      <c r="C121" s="472"/>
      <c r="D121" s="471"/>
      <c r="E121" s="217" t="s">
        <v>84</v>
      </c>
      <c r="F121" s="217" t="s">
        <v>84</v>
      </c>
      <c r="G121" s="217" t="s">
        <v>84</v>
      </c>
    </row>
    <row r="122" spans="1:7" x14ac:dyDescent="0.2">
      <c r="A122" s="470" t="s">
        <v>260</v>
      </c>
      <c r="B122" s="471" t="s">
        <v>261</v>
      </c>
      <c r="C122" s="472" t="s">
        <v>321</v>
      </c>
      <c r="D122" s="471" t="s">
        <v>313</v>
      </c>
      <c r="E122" s="217"/>
      <c r="F122" s="217"/>
      <c r="G122" s="217"/>
    </row>
    <row r="123" spans="1:7" x14ac:dyDescent="0.2">
      <c r="A123" s="470"/>
      <c r="B123" s="471"/>
      <c r="C123" s="472"/>
      <c r="D123" s="471"/>
      <c r="E123" s="217"/>
      <c r="F123" s="217"/>
      <c r="G123" s="217"/>
    </row>
    <row r="124" spans="1:7" x14ac:dyDescent="0.2">
      <c r="A124" s="470"/>
      <c r="B124" s="471"/>
      <c r="C124" s="472"/>
      <c r="D124" s="471"/>
      <c r="E124" s="217" t="s">
        <v>84</v>
      </c>
      <c r="F124" s="217" t="s">
        <v>84</v>
      </c>
      <c r="G124" s="217" t="s">
        <v>84</v>
      </c>
    </row>
    <row r="125" spans="1:7" x14ac:dyDescent="0.2">
      <c r="A125" s="470" t="s">
        <v>260</v>
      </c>
      <c r="B125" s="471" t="s">
        <v>261</v>
      </c>
      <c r="C125" s="472" t="s">
        <v>322</v>
      </c>
      <c r="D125" s="471" t="s">
        <v>323</v>
      </c>
      <c r="E125" s="217"/>
      <c r="F125" s="217"/>
      <c r="G125" s="217"/>
    </row>
    <row r="126" spans="1:7" x14ac:dyDescent="0.2">
      <c r="A126" s="470"/>
      <c r="B126" s="471"/>
      <c r="C126" s="472"/>
      <c r="D126" s="471"/>
      <c r="E126" s="217"/>
      <c r="F126" s="217"/>
      <c r="G126" s="217"/>
    </row>
    <row r="127" spans="1:7" x14ac:dyDescent="0.2">
      <c r="A127" s="470"/>
      <c r="B127" s="471"/>
      <c r="C127" s="472"/>
      <c r="D127" s="471"/>
      <c r="E127" s="217" t="s">
        <v>84</v>
      </c>
      <c r="F127" s="217" t="s">
        <v>84</v>
      </c>
      <c r="G127" s="217" t="s">
        <v>84</v>
      </c>
    </row>
    <row r="128" spans="1:7" x14ac:dyDescent="0.2">
      <c r="A128" s="470" t="s">
        <v>260</v>
      </c>
      <c r="B128" s="471" t="s">
        <v>261</v>
      </c>
      <c r="C128" s="472" t="s">
        <v>324</v>
      </c>
      <c r="D128" s="471" t="s">
        <v>268</v>
      </c>
      <c r="E128" s="217"/>
      <c r="F128" s="217"/>
      <c r="G128" s="217"/>
    </row>
    <row r="129" spans="1:7" x14ac:dyDescent="0.2">
      <c r="A129" s="470"/>
      <c r="B129" s="471"/>
      <c r="C129" s="472"/>
      <c r="D129" s="471"/>
      <c r="E129" s="217"/>
      <c r="F129" s="217"/>
      <c r="G129" s="217"/>
    </row>
    <row r="130" spans="1:7" x14ac:dyDescent="0.2">
      <c r="A130" s="470"/>
      <c r="B130" s="471"/>
      <c r="C130" s="472"/>
      <c r="D130" s="471"/>
      <c r="E130" s="217" t="s">
        <v>191</v>
      </c>
      <c r="F130" s="217" t="s">
        <v>84</v>
      </c>
      <c r="G130" s="217" t="s">
        <v>84</v>
      </c>
    </row>
    <row r="131" spans="1:7" x14ac:dyDescent="0.2">
      <c r="A131" s="470"/>
      <c r="B131" s="471"/>
      <c r="C131" s="472"/>
      <c r="D131" s="471"/>
      <c r="E131" s="217"/>
      <c r="F131" s="169"/>
      <c r="G131" s="169"/>
    </row>
    <row r="132" spans="1:7" x14ac:dyDescent="0.2">
      <c r="A132" s="470"/>
      <c r="B132" s="471"/>
      <c r="C132" s="472"/>
      <c r="D132" s="471"/>
      <c r="E132" s="217"/>
      <c r="F132" s="169"/>
      <c r="G132" s="169"/>
    </row>
    <row r="133" spans="1:7" ht="38.25" x14ac:dyDescent="0.2">
      <c r="A133" s="118" t="s">
        <v>325</v>
      </c>
      <c r="B133" s="119" t="s">
        <v>326</v>
      </c>
      <c r="C133" s="119" t="s">
        <v>335</v>
      </c>
      <c r="D133" s="217" t="s">
        <v>84</v>
      </c>
      <c r="E133" s="217" t="s">
        <v>84</v>
      </c>
      <c r="F133" s="217" t="s">
        <v>84</v>
      </c>
      <c r="G133" s="217" t="s">
        <v>84</v>
      </c>
    </row>
    <row r="134" spans="1:7" x14ac:dyDescent="0.2">
      <c r="A134" s="118" t="s">
        <v>336</v>
      </c>
      <c r="B134" s="119" t="s">
        <v>337</v>
      </c>
      <c r="C134" s="119" t="s">
        <v>349</v>
      </c>
      <c r="D134" s="217">
        <v>1</v>
      </c>
      <c r="E134" s="217">
        <v>10</v>
      </c>
      <c r="F134" s="217">
        <v>64.099999999999994</v>
      </c>
      <c r="G134" s="217" t="s">
        <v>84</v>
      </c>
    </row>
    <row r="135" spans="1:7" x14ac:dyDescent="0.2">
      <c r="A135" s="118" t="s">
        <v>336</v>
      </c>
      <c r="B135" s="119" t="s">
        <v>337</v>
      </c>
      <c r="C135" s="119" t="s">
        <v>350</v>
      </c>
      <c r="D135" s="217">
        <v>2</v>
      </c>
      <c r="E135" s="217">
        <v>9</v>
      </c>
      <c r="F135" s="217">
        <v>-15.45</v>
      </c>
      <c r="G135" s="217" t="s">
        <v>84</v>
      </c>
    </row>
    <row r="136" spans="1:7" x14ac:dyDescent="0.2">
      <c r="A136" s="118" t="s">
        <v>336</v>
      </c>
      <c r="B136" s="119" t="s">
        <v>343</v>
      </c>
      <c r="C136" s="119" t="s">
        <v>351</v>
      </c>
      <c r="D136" s="217">
        <v>2</v>
      </c>
      <c r="E136" s="217">
        <v>9</v>
      </c>
      <c r="F136" s="217">
        <v>-21.74</v>
      </c>
      <c r="G136" s="217" t="s">
        <v>84</v>
      </c>
    </row>
    <row r="137" spans="1:7" x14ac:dyDescent="0.2">
      <c r="A137" s="119" t="s">
        <v>336</v>
      </c>
      <c r="B137" s="119" t="s">
        <v>337</v>
      </c>
      <c r="C137" s="119" t="s">
        <v>354</v>
      </c>
      <c r="D137" s="217">
        <v>1</v>
      </c>
      <c r="E137" s="217">
        <v>10</v>
      </c>
      <c r="F137" s="217" t="s">
        <v>84</v>
      </c>
      <c r="G137" s="217" t="s">
        <v>84</v>
      </c>
    </row>
    <row r="138" spans="1:7" ht="38.25" x14ac:dyDescent="0.2">
      <c r="A138" s="46" t="s">
        <v>355</v>
      </c>
      <c r="B138" s="43" t="s">
        <v>356</v>
      </c>
      <c r="C138" s="43" t="s">
        <v>364</v>
      </c>
      <c r="D138" s="42"/>
      <c r="E138" s="42"/>
      <c r="F138" s="44" t="s">
        <v>358</v>
      </c>
      <c r="G138" s="220" t="s">
        <v>358</v>
      </c>
    </row>
    <row r="139" spans="1:7" ht="38.25" x14ac:dyDescent="0.2">
      <c r="A139" s="46" t="s">
        <v>355</v>
      </c>
      <c r="B139" s="43" t="s">
        <v>356</v>
      </c>
      <c r="C139" s="43" t="s">
        <v>365</v>
      </c>
      <c r="D139" s="42"/>
      <c r="E139" s="42"/>
      <c r="F139" s="44" t="s">
        <v>358</v>
      </c>
      <c r="G139" s="220" t="s">
        <v>358</v>
      </c>
    </row>
    <row r="140" spans="1:7" ht="38.25" x14ac:dyDescent="0.2">
      <c r="A140" s="46" t="s">
        <v>355</v>
      </c>
      <c r="B140" s="43" t="s">
        <v>356</v>
      </c>
      <c r="C140" s="43" t="s">
        <v>366</v>
      </c>
      <c r="D140" s="42"/>
      <c r="E140" s="42"/>
      <c r="F140" s="44" t="s">
        <v>358</v>
      </c>
      <c r="G140" s="220" t="s">
        <v>358</v>
      </c>
    </row>
    <row r="141" spans="1:7" ht="38.25" x14ac:dyDescent="0.2">
      <c r="A141" s="46" t="s">
        <v>355</v>
      </c>
      <c r="B141" s="43" t="s">
        <v>356</v>
      </c>
      <c r="C141" s="43" t="s">
        <v>367</v>
      </c>
      <c r="D141" s="42"/>
      <c r="E141" s="42"/>
      <c r="F141" s="44" t="s">
        <v>358</v>
      </c>
      <c r="G141" s="220" t="s">
        <v>358</v>
      </c>
    </row>
    <row r="142" spans="1:7" ht="38.25" x14ac:dyDescent="0.2">
      <c r="A142" s="46" t="s">
        <v>355</v>
      </c>
      <c r="B142" s="43" t="s">
        <v>356</v>
      </c>
      <c r="C142" s="43" t="s">
        <v>368</v>
      </c>
      <c r="D142" s="42"/>
      <c r="E142" s="42"/>
      <c r="F142" s="44" t="s">
        <v>358</v>
      </c>
      <c r="G142" s="220" t="s">
        <v>358</v>
      </c>
    </row>
    <row r="143" spans="1:7" ht="38.25" x14ac:dyDescent="0.2">
      <c r="A143" s="46" t="s">
        <v>355</v>
      </c>
      <c r="B143" s="43" t="s">
        <v>356</v>
      </c>
      <c r="C143" s="43" t="s">
        <v>369</v>
      </c>
      <c r="D143" s="42"/>
      <c r="E143" s="42"/>
      <c r="F143" s="44" t="s">
        <v>358</v>
      </c>
      <c r="G143" s="220" t="s">
        <v>358</v>
      </c>
    </row>
    <row r="144" spans="1:7" ht="38.25" x14ac:dyDescent="0.2">
      <c r="A144" s="46" t="s">
        <v>355</v>
      </c>
      <c r="B144" s="43" t="s">
        <v>356</v>
      </c>
      <c r="C144" s="43" t="s">
        <v>370</v>
      </c>
      <c r="D144" s="42"/>
      <c r="E144" s="42"/>
      <c r="F144" s="44" t="s">
        <v>358</v>
      </c>
      <c r="G144" s="220" t="s">
        <v>358</v>
      </c>
    </row>
    <row r="145" spans="1:7" ht="38.25" x14ac:dyDescent="0.2">
      <c r="A145" s="46" t="s">
        <v>355</v>
      </c>
      <c r="B145" s="43" t="s">
        <v>356</v>
      </c>
      <c r="C145" s="43" t="s">
        <v>371</v>
      </c>
      <c r="D145" s="42"/>
      <c r="E145" s="42"/>
      <c r="F145" s="44" t="s">
        <v>358</v>
      </c>
      <c r="G145" s="220" t="s">
        <v>358</v>
      </c>
    </row>
    <row r="146" spans="1:7" ht="38.25" x14ac:dyDescent="0.2">
      <c r="A146" s="46" t="s">
        <v>355</v>
      </c>
      <c r="B146" s="43" t="s">
        <v>356</v>
      </c>
      <c r="C146" s="45" t="s">
        <v>372</v>
      </c>
      <c r="D146" s="42"/>
      <c r="E146" s="42"/>
      <c r="F146" s="44" t="s">
        <v>358</v>
      </c>
      <c r="G146" s="220" t="s">
        <v>358</v>
      </c>
    </row>
    <row r="147" spans="1:7" ht="38.25" x14ac:dyDescent="0.2">
      <c r="A147" s="46" t="s">
        <v>355</v>
      </c>
      <c r="B147" s="43" t="s">
        <v>356</v>
      </c>
      <c r="C147" s="43" t="s">
        <v>373</v>
      </c>
      <c r="D147" s="42"/>
      <c r="E147" s="42"/>
      <c r="F147" s="44" t="s">
        <v>358</v>
      </c>
      <c r="G147" s="220" t="s">
        <v>358</v>
      </c>
    </row>
    <row r="148" spans="1:7" ht="38.25" x14ac:dyDescent="0.2">
      <c r="A148" s="46" t="s">
        <v>355</v>
      </c>
      <c r="B148" s="43" t="s">
        <v>356</v>
      </c>
      <c r="C148" s="45" t="s">
        <v>374</v>
      </c>
      <c r="D148" s="42"/>
      <c r="E148" s="42"/>
      <c r="F148" s="44" t="s">
        <v>358</v>
      </c>
      <c r="G148" s="220" t="s">
        <v>358</v>
      </c>
    </row>
    <row r="149" spans="1:7" ht="38.25" x14ac:dyDescent="0.2">
      <c r="A149" s="46" t="s">
        <v>355</v>
      </c>
      <c r="B149" s="43" t="s">
        <v>356</v>
      </c>
      <c r="C149" s="43" t="s">
        <v>375</v>
      </c>
      <c r="D149" s="42"/>
      <c r="E149" s="42"/>
      <c r="F149" s="44" t="s">
        <v>358</v>
      </c>
      <c r="G149" s="220" t="s">
        <v>358</v>
      </c>
    </row>
    <row r="150" spans="1:7" ht="38.25" x14ac:dyDescent="0.2">
      <c r="A150" s="46" t="s">
        <v>355</v>
      </c>
      <c r="B150" s="43" t="s">
        <v>356</v>
      </c>
      <c r="C150" s="43" t="s">
        <v>376</v>
      </c>
      <c r="D150" s="42"/>
      <c r="E150" s="42"/>
      <c r="F150" s="44" t="s">
        <v>358</v>
      </c>
      <c r="G150" s="220" t="s">
        <v>358</v>
      </c>
    </row>
    <row r="151" spans="1:7" x14ac:dyDescent="0.2">
      <c r="A151" s="118" t="s">
        <v>379</v>
      </c>
      <c r="B151" s="119" t="s">
        <v>380</v>
      </c>
      <c r="C151" s="119" t="s">
        <v>384</v>
      </c>
      <c r="D151" s="119" t="s">
        <v>244</v>
      </c>
      <c r="E151" s="119">
        <v>18</v>
      </c>
      <c r="F151" s="119">
        <v>47.25</v>
      </c>
      <c r="G151" s="154" t="s">
        <v>385</v>
      </c>
    </row>
    <row r="152" spans="1:7" x14ac:dyDescent="0.2">
      <c r="A152" s="144" t="s">
        <v>379</v>
      </c>
      <c r="B152" s="145" t="s">
        <v>380</v>
      </c>
      <c r="C152" s="145" t="s">
        <v>386</v>
      </c>
      <c r="D152" s="145" t="s">
        <v>246</v>
      </c>
      <c r="E152" s="145">
        <v>0</v>
      </c>
      <c r="F152" s="145">
        <v>0</v>
      </c>
      <c r="G152" s="146"/>
    </row>
    <row r="153" spans="1:7" ht="25.5" x14ac:dyDescent="0.2">
      <c r="A153" s="134" t="s">
        <v>387</v>
      </c>
      <c r="B153" s="133" t="s">
        <v>388</v>
      </c>
      <c r="C153" s="133" t="s">
        <v>396</v>
      </c>
      <c r="D153" s="133" t="s">
        <v>246</v>
      </c>
      <c r="E153" s="133" t="s">
        <v>84</v>
      </c>
      <c r="F153" s="133" t="s">
        <v>84</v>
      </c>
      <c r="G153" s="147"/>
    </row>
    <row r="154" spans="1:7" ht="25.5" x14ac:dyDescent="0.2">
      <c r="A154" s="134" t="s">
        <v>387</v>
      </c>
      <c r="B154" s="133" t="s">
        <v>388</v>
      </c>
      <c r="C154" s="133" t="s">
        <v>397</v>
      </c>
      <c r="D154" s="133" t="s">
        <v>244</v>
      </c>
      <c r="E154" s="133" t="s">
        <v>84</v>
      </c>
      <c r="F154" s="133" t="s">
        <v>84</v>
      </c>
      <c r="G154" s="147"/>
    </row>
    <row r="155" spans="1:7" ht="25.5" x14ac:dyDescent="0.2">
      <c r="A155" s="134" t="s">
        <v>387</v>
      </c>
      <c r="B155" s="133" t="s">
        <v>388</v>
      </c>
      <c r="C155" s="133" t="s">
        <v>398</v>
      </c>
      <c r="D155" s="133" t="s">
        <v>246</v>
      </c>
      <c r="E155" s="133" t="s">
        <v>84</v>
      </c>
      <c r="F155" s="133" t="s">
        <v>84</v>
      </c>
      <c r="G155" s="147"/>
    </row>
    <row r="156" spans="1:7" ht="26.25" thickBot="1" x14ac:dyDescent="0.25">
      <c r="A156" s="135" t="s">
        <v>387</v>
      </c>
      <c r="B156" s="136" t="s">
        <v>388</v>
      </c>
      <c r="C156" s="145" t="s">
        <v>399</v>
      </c>
      <c r="D156" s="145" t="s">
        <v>246</v>
      </c>
      <c r="E156" s="145" t="s">
        <v>84</v>
      </c>
      <c r="F156" s="145" t="s">
        <v>84</v>
      </c>
      <c r="G156" s="151"/>
    </row>
    <row r="157" spans="1:7" ht="13.5" thickBot="1" x14ac:dyDescent="0.25">
      <c r="A157" s="470" t="s">
        <v>400</v>
      </c>
      <c r="B157" s="471" t="s">
        <v>401</v>
      </c>
      <c r="C157" s="136" t="s">
        <v>154</v>
      </c>
      <c r="D157" s="137">
        <v>1</v>
      </c>
      <c r="E157" s="137">
        <v>20</v>
      </c>
      <c r="F157" s="137">
        <v>52.42</v>
      </c>
      <c r="G157" s="152" t="s">
        <v>417</v>
      </c>
    </row>
    <row r="158" spans="1:7" ht="13.5" thickBot="1" x14ac:dyDescent="0.25">
      <c r="A158" s="470"/>
      <c r="B158" s="471"/>
      <c r="C158" s="136" t="s">
        <v>414</v>
      </c>
      <c r="D158" s="137">
        <v>1</v>
      </c>
      <c r="E158" s="137">
        <v>20</v>
      </c>
      <c r="F158" s="137">
        <v>42.85</v>
      </c>
      <c r="G158" s="153" t="s">
        <v>418</v>
      </c>
    </row>
    <row r="159" spans="1:7" ht="13.5" thickBot="1" x14ac:dyDescent="0.25">
      <c r="A159" s="470"/>
      <c r="B159" s="471"/>
      <c r="C159" s="136" t="s">
        <v>415</v>
      </c>
      <c r="D159" s="137">
        <v>1</v>
      </c>
      <c r="E159" s="137">
        <v>20</v>
      </c>
      <c r="F159" s="137">
        <v>37.32</v>
      </c>
      <c r="G159" s="153" t="s">
        <v>419</v>
      </c>
    </row>
    <row r="160" spans="1:7" ht="13.5" thickBot="1" x14ac:dyDescent="0.25">
      <c r="A160" s="470"/>
      <c r="B160" s="471"/>
      <c r="C160" s="136" t="s">
        <v>416</v>
      </c>
      <c r="D160" s="137">
        <v>1</v>
      </c>
      <c r="E160" s="137">
        <v>20</v>
      </c>
      <c r="F160" s="137">
        <v>27.5</v>
      </c>
      <c r="G160" s="153" t="s">
        <v>420</v>
      </c>
    </row>
    <row r="161" spans="1:7" ht="13.5" thickBot="1" x14ac:dyDescent="0.25">
      <c r="A161" s="164" t="s">
        <v>421</v>
      </c>
      <c r="B161" s="161" t="s">
        <v>159</v>
      </c>
      <c r="C161" s="161" t="s">
        <v>428</v>
      </c>
      <c r="D161" s="161" t="s">
        <v>246</v>
      </c>
      <c r="E161" s="165" t="s">
        <v>84</v>
      </c>
      <c r="F161" s="161" t="s">
        <v>84</v>
      </c>
      <c r="G161" s="162"/>
    </row>
    <row r="162" spans="1:7" ht="13.5" thickBot="1" x14ac:dyDescent="0.25">
      <c r="A162" s="158" t="s">
        <v>421</v>
      </c>
      <c r="B162" s="157" t="s">
        <v>159</v>
      </c>
      <c r="C162" s="157" t="s">
        <v>429</v>
      </c>
      <c r="D162" s="157" t="s">
        <v>84</v>
      </c>
      <c r="E162" s="166" t="s">
        <v>84</v>
      </c>
      <c r="F162" s="166" t="s">
        <v>84</v>
      </c>
      <c r="G162" s="163"/>
    </row>
    <row r="163" spans="1:7" ht="13.5" thickBot="1" x14ac:dyDescent="0.25">
      <c r="A163" s="158" t="s">
        <v>421</v>
      </c>
      <c r="B163" s="157" t="s">
        <v>159</v>
      </c>
      <c r="C163" s="157" t="s">
        <v>430</v>
      </c>
      <c r="D163" s="157" t="s">
        <v>246</v>
      </c>
      <c r="E163" s="166" t="s">
        <v>84</v>
      </c>
      <c r="F163" s="166" t="s">
        <v>84</v>
      </c>
      <c r="G163" s="163"/>
    </row>
    <row r="164" spans="1:7" ht="13.5" thickBot="1" x14ac:dyDescent="0.25">
      <c r="A164" s="158" t="s">
        <v>421</v>
      </c>
      <c r="B164" s="157" t="s">
        <v>159</v>
      </c>
      <c r="C164" s="157" t="s">
        <v>431</v>
      </c>
      <c r="D164" s="157" t="s">
        <v>246</v>
      </c>
      <c r="E164" s="166" t="s">
        <v>84</v>
      </c>
      <c r="F164" s="166" t="s">
        <v>84</v>
      </c>
      <c r="G164" s="163"/>
    </row>
    <row r="165" spans="1:7" x14ac:dyDescent="0.2">
      <c r="A165" s="309" t="s">
        <v>421</v>
      </c>
      <c r="B165" s="312" t="s">
        <v>159</v>
      </c>
      <c r="C165" s="312" t="s">
        <v>432</v>
      </c>
      <c r="D165" s="312" t="s">
        <v>244</v>
      </c>
      <c r="E165" s="339" t="s">
        <v>84</v>
      </c>
      <c r="F165" s="339" t="s">
        <v>84</v>
      </c>
      <c r="G165" s="465"/>
    </row>
    <row r="166" spans="1:7" x14ac:dyDescent="0.2">
      <c r="A166" s="310"/>
      <c r="B166" s="313"/>
      <c r="C166" s="313"/>
      <c r="D166" s="313"/>
      <c r="E166" s="340"/>
      <c r="F166" s="340"/>
      <c r="G166" s="466"/>
    </row>
    <row r="167" spans="1:7" ht="13.5" thickBot="1" x14ac:dyDescent="0.25">
      <c r="A167" s="311"/>
      <c r="B167" s="314"/>
      <c r="C167" s="314"/>
      <c r="D167" s="314"/>
      <c r="E167" s="341"/>
      <c r="F167" s="341"/>
      <c r="G167" s="467"/>
    </row>
    <row r="168" spans="1:7" ht="13.5" thickBot="1" x14ac:dyDescent="0.25">
      <c r="A168" s="164" t="s">
        <v>421</v>
      </c>
      <c r="B168" s="161" t="s">
        <v>159</v>
      </c>
      <c r="C168" s="161" t="s">
        <v>433</v>
      </c>
      <c r="D168" s="161" t="s">
        <v>246</v>
      </c>
      <c r="E168" s="165">
        <v>10</v>
      </c>
      <c r="F168" s="165">
        <v>70.75</v>
      </c>
      <c r="G168" s="167">
        <v>1.6995E-2</v>
      </c>
    </row>
    <row r="169" spans="1:7" ht="13.5" thickBot="1" x14ac:dyDescent="0.25">
      <c r="A169" s="158" t="s">
        <v>421</v>
      </c>
      <c r="B169" s="157" t="s">
        <v>159</v>
      </c>
      <c r="C169" s="157" t="s">
        <v>434</v>
      </c>
      <c r="D169" s="157" t="s">
        <v>246</v>
      </c>
      <c r="E169" s="166">
        <v>10</v>
      </c>
      <c r="F169" s="166">
        <v>81.58</v>
      </c>
      <c r="G169" s="168">
        <v>1.5310000000000001E-2</v>
      </c>
    </row>
    <row r="170" spans="1:7" ht="13.5" thickBot="1" x14ac:dyDescent="0.25">
      <c r="A170" s="499" t="s">
        <v>435</v>
      </c>
      <c r="B170" s="321" t="s">
        <v>457</v>
      </c>
      <c r="C170" s="176" t="s">
        <v>440</v>
      </c>
      <c r="D170" s="161" t="s">
        <v>246</v>
      </c>
      <c r="E170" s="165" t="s">
        <v>84</v>
      </c>
      <c r="F170" s="177" t="s">
        <v>84</v>
      </c>
      <c r="G170" s="177" t="s">
        <v>84</v>
      </c>
    </row>
    <row r="171" spans="1:7" ht="13.5" thickBot="1" x14ac:dyDescent="0.25">
      <c r="A171" s="500"/>
      <c r="B171" s="497"/>
      <c r="C171" s="172" t="s">
        <v>441</v>
      </c>
      <c r="D171" s="157" t="s">
        <v>246</v>
      </c>
      <c r="E171" s="166" t="s">
        <v>84</v>
      </c>
      <c r="F171" s="178" t="s">
        <v>84</v>
      </c>
      <c r="G171" s="178" t="s">
        <v>84</v>
      </c>
    </row>
    <row r="172" spans="1:7" ht="13.5" thickBot="1" x14ac:dyDescent="0.25">
      <c r="A172" s="500"/>
      <c r="B172" s="497"/>
      <c r="C172" s="172" t="s">
        <v>442</v>
      </c>
      <c r="D172" s="157" t="s">
        <v>443</v>
      </c>
      <c r="E172" s="166" t="s">
        <v>84</v>
      </c>
      <c r="F172" s="178" t="s">
        <v>84</v>
      </c>
      <c r="G172" s="178" t="s">
        <v>84</v>
      </c>
    </row>
    <row r="173" spans="1:7" ht="13.5" thickBot="1" x14ac:dyDescent="0.25">
      <c r="A173" s="500"/>
      <c r="B173" s="497"/>
      <c r="C173" s="172" t="s">
        <v>444</v>
      </c>
      <c r="D173" s="157" t="s">
        <v>246</v>
      </c>
      <c r="E173" s="166" t="s">
        <v>84</v>
      </c>
      <c r="F173" s="178" t="s">
        <v>84</v>
      </c>
      <c r="G173" s="178" t="s">
        <v>84</v>
      </c>
    </row>
    <row r="174" spans="1:7" ht="13.5" thickBot="1" x14ac:dyDescent="0.25">
      <c r="A174" s="500"/>
      <c r="B174" s="497"/>
      <c r="C174" s="172" t="s">
        <v>445</v>
      </c>
      <c r="D174" s="157" t="s">
        <v>244</v>
      </c>
      <c r="E174" s="166" t="s">
        <v>84</v>
      </c>
      <c r="F174" s="178" t="s">
        <v>84</v>
      </c>
      <c r="G174" s="178" t="s">
        <v>84</v>
      </c>
    </row>
    <row r="175" spans="1:7" ht="13.5" thickBot="1" x14ac:dyDescent="0.25">
      <c r="A175" s="500"/>
      <c r="B175" s="497"/>
      <c r="C175" s="172" t="s">
        <v>446</v>
      </c>
      <c r="D175" s="157" t="s">
        <v>246</v>
      </c>
      <c r="E175" s="166" t="s">
        <v>84</v>
      </c>
      <c r="F175" s="178" t="s">
        <v>84</v>
      </c>
      <c r="G175" s="178" t="s">
        <v>84</v>
      </c>
    </row>
    <row r="176" spans="1:7" ht="13.5" thickBot="1" x14ac:dyDescent="0.25">
      <c r="A176" s="500"/>
      <c r="B176" s="497"/>
      <c r="C176" s="172" t="s">
        <v>447</v>
      </c>
      <c r="D176" s="157" t="s">
        <v>246</v>
      </c>
      <c r="E176" s="166" t="s">
        <v>84</v>
      </c>
      <c r="F176" s="178" t="s">
        <v>84</v>
      </c>
      <c r="G176" s="178" t="s">
        <v>84</v>
      </c>
    </row>
    <row r="177" spans="1:7" ht="13.5" thickBot="1" x14ac:dyDescent="0.25">
      <c r="A177" s="500"/>
      <c r="B177" s="497"/>
      <c r="C177" s="172" t="s">
        <v>448</v>
      </c>
      <c r="D177" s="157" t="s">
        <v>246</v>
      </c>
      <c r="E177" s="166" t="s">
        <v>84</v>
      </c>
      <c r="F177" s="178" t="s">
        <v>84</v>
      </c>
      <c r="G177" s="178" t="s">
        <v>84</v>
      </c>
    </row>
    <row r="178" spans="1:7" ht="13.5" thickBot="1" x14ac:dyDescent="0.25">
      <c r="A178" s="500"/>
      <c r="B178" s="497"/>
      <c r="C178" s="172" t="s">
        <v>449</v>
      </c>
      <c r="D178" s="157" t="s">
        <v>246</v>
      </c>
      <c r="E178" s="166" t="s">
        <v>84</v>
      </c>
      <c r="F178" s="178" t="s">
        <v>84</v>
      </c>
      <c r="G178" s="178" t="s">
        <v>84</v>
      </c>
    </row>
    <row r="179" spans="1:7" ht="13.5" thickBot="1" x14ac:dyDescent="0.25">
      <c r="A179" s="500"/>
      <c r="B179" s="497"/>
      <c r="C179" s="172" t="s">
        <v>450</v>
      </c>
      <c r="D179" s="157" t="s">
        <v>246</v>
      </c>
      <c r="E179" s="166" t="s">
        <v>84</v>
      </c>
      <c r="F179" s="178" t="s">
        <v>84</v>
      </c>
      <c r="G179" s="178" t="s">
        <v>84</v>
      </c>
    </row>
    <row r="180" spans="1:7" ht="13.5" thickBot="1" x14ac:dyDescent="0.25">
      <c r="A180" s="500"/>
      <c r="B180" s="497"/>
      <c r="C180" s="172" t="s">
        <v>451</v>
      </c>
      <c r="D180" s="157" t="s">
        <v>246</v>
      </c>
      <c r="E180" s="166" t="s">
        <v>84</v>
      </c>
      <c r="F180" s="178" t="s">
        <v>84</v>
      </c>
      <c r="G180" s="178" t="s">
        <v>84</v>
      </c>
    </row>
    <row r="181" spans="1:7" ht="13.5" thickBot="1" x14ac:dyDescent="0.25">
      <c r="A181" s="500"/>
      <c r="B181" s="497"/>
      <c r="C181" s="172" t="s">
        <v>452</v>
      </c>
      <c r="D181" s="157" t="s">
        <v>246</v>
      </c>
      <c r="E181" s="166" t="s">
        <v>84</v>
      </c>
      <c r="F181" s="178" t="s">
        <v>84</v>
      </c>
      <c r="G181" s="178" t="s">
        <v>84</v>
      </c>
    </row>
    <row r="182" spans="1:7" ht="13.5" thickBot="1" x14ac:dyDescent="0.25">
      <c r="A182" s="500"/>
      <c r="B182" s="497"/>
      <c r="C182" s="172" t="s">
        <v>453</v>
      </c>
      <c r="D182" s="157" t="s">
        <v>246</v>
      </c>
      <c r="E182" s="166" t="s">
        <v>84</v>
      </c>
      <c r="F182" s="178" t="s">
        <v>84</v>
      </c>
      <c r="G182" s="178" t="s">
        <v>84</v>
      </c>
    </row>
    <row r="183" spans="1:7" ht="13.5" thickBot="1" x14ac:dyDescent="0.25">
      <c r="A183" s="500"/>
      <c r="B183" s="497"/>
      <c r="C183" s="172" t="s">
        <v>454</v>
      </c>
      <c r="D183" s="157" t="s">
        <v>455</v>
      </c>
      <c r="E183" s="166" t="s">
        <v>84</v>
      </c>
      <c r="F183" s="178" t="s">
        <v>84</v>
      </c>
      <c r="G183" s="178" t="s">
        <v>84</v>
      </c>
    </row>
    <row r="184" spans="1:7" ht="13.5" thickBot="1" x14ac:dyDescent="0.25">
      <c r="A184" s="501"/>
      <c r="B184" s="498"/>
      <c r="C184" s="172" t="s">
        <v>456</v>
      </c>
      <c r="D184" s="157" t="s">
        <v>246</v>
      </c>
      <c r="E184" s="166" t="s">
        <v>84</v>
      </c>
      <c r="F184" s="178" t="s">
        <v>84</v>
      </c>
      <c r="G184" s="178" t="s">
        <v>84</v>
      </c>
    </row>
    <row r="185" spans="1:7" ht="13.5" thickBot="1" x14ac:dyDescent="0.25">
      <c r="A185" s="446" t="s">
        <v>458</v>
      </c>
      <c r="B185" s="339" t="s">
        <v>459</v>
      </c>
      <c r="C185" s="157" t="s">
        <v>465</v>
      </c>
      <c r="D185" s="161" t="s">
        <v>461</v>
      </c>
      <c r="E185" s="165">
        <v>20</v>
      </c>
      <c r="F185" s="166">
        <v>75.23</v>
      </c>
      <c r="G185" s="178" t="s">
        <v>84</v>
      </c>
    </row>
    <row r="186" spans="1:7" ht="15.75" customHeight="1" thickBot="1" x14ac:dyDescent="0.25">
      <c r="A186" s="447"/>
      <c r="B186" s="340"/>
      <c r="C186" s="157" t="s">
        <v>466</v>
      </c>
      <c r="D186" s="157" t="s">
        <v>461</v>
      </c>
      <c r="E186" s="166">
        <v>20</v>
      </c>
      <c r="F186" s="166">
        <v>68.540000000000006</v>
      </c>
      <c r="G186" s="178" t="s">
        <v>84</v>
      </c>
    </row>
    <row r="187" spans="1:7" ht="15.75" customHeight="1" thickBot="1" x14ac:dyDescent="0.25">
      <c r="A187" s="447"/>
      <c r="B187" s="340"/>
      <c r="C187" s="157" t="s">
        <v>467</v>
      </c>
      <c r="D187" s="157" t="s">
        <v>461</v>
      </c>
      <c r="E187" s="166">
        <v>20</v>
      </c>
      <c r="F187" s="166">
        <v>52.15</v>
      </c>
      <c r="G187" s="178" t="s">
        <v>84</v>
      </c>
    </row>
    <row r="188" spans="1:7" ht="15.75" customHeight="1" thickBot="1" x14ac:dyDescent="0.25">
      <c r="A188" s="447"/>
      <c r="B188" s="340"/>
      <c r="C188" s="157" t="s">
        <v>468</v>
      </c>
      <c r="D188" s="157" t="s">
        <v>461</v>
      </c>
      <c r="E188" s="178">
        <v>20</v>
      </c>
      <c r="F188" s="166">
        <v>50.28</v>
      </c>
      <c r="G188" s="178" t="s">
        <v>84</v>
      </c>
    </row>
    <row r="189" spans="1:7" ht="15.75" customHeight="1" thickBot="1" x14ac:dyDescent="0.25">
      <c r="A189" s="447"/>
      <c r="B189" s="340"/>
      <c r="C189" s="157" t="s">
        <v>469</v>
      </c>
      <c r="D189" s="157" t="s">
        <v>461</v>
      </c>
      <c r="E189" s="166">
        <v>20</v>
      </c>
      <c r="F189" s="166">
        <v>49.77</v>
      </c>
      <c r="G189" s="178" t="s">
        <v>84</v>
      </c>
    </row>
    <row r="190" spans="1:7" ht="15.75" customHeight="1" thickBot="1" x14ac:dyDescent="0.25">
      <c r="A190" s="447"/>
      <c r="B190" s="340"/>
      <c r="C190" s="157" t="s">
        <v>441</v>
      </c>
      <c r="D190" s="157" t="s">
        <v>461</v>
      </c>
      <c r="E190" s="166">
        <v>20</v>
      </c>
      <c r="F190" s="166">
        <v>49.17</v>
      </c>
      <c r="G190" s="178" t="s">
        <v>84</v>
      </c>
    </row>
    <row r="191" spans="1:7" ht="15.75" customHeight="1" thickBot="1" x14ac:dyDescent="0.25">
      <c r="A191" s="447"/>
      <c r="B191" s="340"/>
      <c r="C191" s="157" t="s">
        <v>470</v>
      </c>
      <c r="D191" s="166" t="s">
        <v>84</v>
      </c>
      <c r="E191" s="166" t="s">
        <v>84</v>
      </c>
      <c r="F191" s="157"/>
      <c r="G191" s="178"/>
    </row>
    <row r="192" spans="1:7" ht="15.75" customHeight="1" thickBot="1" x14ac:dyDescent="0.25">
      <c r="A192" s="447"/>
      <c r="B192" s="340"/>
      <c r="C192" s="157" t="s">
        <v>471</v>
      </c>
      <c r="D192" s="166" t="s">
        <v>84</v>
      </c>
      <c r="E192" s="166" t="s">
        <v>84</v>
      </c>
      <c r="F192" s="157"/>
      <c r="G192" s="178"/>
    </row>
    <row r="193" spans="1:7" ht="15.75" customHeight="1" thickBot="1" x14ac:dyDescent="0.25">
      <c r="A193" s="447"/>
      <c r="B193" s="340"/>
      <c r="C193" s="157" t="s">
        <v>472</v>
      </c>
      <c r="D193" s="166" t="s">
        <v>84</v>
      </c>
      <c r="E193" s="166" t="s">
        <v>84</v>
      </c>
      <c r="F193" s="157"/>
      <c r="G193" s="178"/>
    </row>
    <row r="194" spans="1:7" ht="15.75" customHeight="1" thickBot="1" x14ac:dyDescent="0.25">
      <c r="A194" s="447"/>
      <c r="B194" s="340"/>
      <c r="C194" s="157" t="s">
        <v>473</v>
      </c>
      <c r="D194" s="166" t="s">
        <v>84</v>
      </c>
      <c r="E194" s="166" t="s">
        <v>84</v>
      </c>
      <c r="F194" s="157"/>
      <c r="G194" s="178"/>
    </row>
    <row r="195" spans="1:7" ht="15.75" customHeight="1" thickBot="1" x14ac:dyDescent="0.25">
      <c r="A195" s="447"/>
      <c r="B195" s="340"/>
      <c r="C195" s="157" t="s">
        <v>474</v>
      </c>
      <c r="D195" s="166" t="s">
        <v>84</v>
      </c>
      <c r="E195" s="166" t="s">
        <v>84</v>
      </c>
      <c r="F195" s="157"/>
      <c r="G195" s="178"/>
    </row>
    <row r="196" spans="1:7" ht="15.75" customHeight="1" thickBot="1" x14ac:dyDescent="0.25">
      <c r="A196" s="447"/>
      <c r="B196" s="340"/>
      <c r="C196" s="157" t="s">
        <v>475</v>
      </c>
      <c r="D196" s="166" t="s">
        <v>84</v>
      </c>
      <c r="E196" s="166" t="s">
        <v>84</v>
      </c>
      <c r="F196" s="157"/>
      <c r="G196" s="178"/>
    </row>
    <row r="197" spans="1:7" ht="15.75" customHeight="1" thickBot="1" x14ac:dyDescent="0.25">
      <c r="A197" s="447"/>
      <c r="B197" s="340"/>
      <c r="C197" s="157" t="s">
        <v>476</v>
      </c>
      <c r="D197" s="166" t="s">
        <v>84</v>
      </c>
      <c r="E197" s="166" t="s">
        <v>84</v>
      </c>
      <c r="F197" s="157"/>
      <c r="G197" s="178"/>
    </row>
    <row r="198" spans="1:7" ht="15.75" customHeight="1" thickBot="1" x14ac:dyDescent="0.25">
      <c r="A198" s="447"/>
      <c r="B198" s="340"/>
      <c r="C198" s="157" t="s">
        <v>477</v>
      </c>
      <c r="D198" s="166" t="s">
        <v>84</v>
      </c>
      <c r="E198" s="166" t="s">
        <v>84</v>
      </c>
      <c r="F198" s="157"/>
      <c r="G198" s="178"/>
    </row>
    <row r="199" spans="1:7" ht="15.75" customHeight="1" thickBot="1" x14ac:dyDescent="0.25">
      <c r="A199" s="447"/>
      <c r="B199" s="340"/>
      <c r="C199" s="157" t="s">
        <v>478</v>
      </c>
      <c r="D199" s="166" t="s">
        <v>84</v>
      </c>
      <c r="E199" s="166" t="s">
        <v>84</v>
      </c>
      <c r="F199" s="157"/>
      <c r="G199" s="178"/>
    </row>
    <row r="200" spans="1:7" ht="15.75" customHeight="1" thickBot="1" x14ac:dyDescent="0.25">
      <c r="A200" s="448"/>
      <c r="B200" s="341"/>
      <c r="C200" s="157" t="s">
        <v>479</v>
      </c>
      <c r="D200" s="166" t="s">
        <v>84</v>
      </c>
      <c r="E200" s="166" t="s">
        <v>84</v>
      </c>
      <c r="F200" s="157"/>
      <c r="G200" s="178"/>
    </row>
    <row r="201" spans="1:7" ht="13.5" thickBot="1" x14ac:dyDescent="0.25">
      <c r="A201" s="181" t="s">
        <v>481</v>
      </c>
      <c r="B201" s="165" t="s">
        <v>482</v>
      </c>
      <c r="C201" s="182" t="s">
        <v>483</v>
      </c>
      <c r="D201" s="165" t="s">
        <v>84</v>
      </c>
      <c r="E201" s="165" t="s">
        <v>84</v>
      </c>
      <c r="F201" s="165" t="s">
        <v>84</v>
      </c>
      <c r="G201" s="165" t="s">
        <v>84</v>
      </c>
    </row>
    <row r="202" spans="1:7" ht="13.5" thickBot="1" x14ac:dyDescent="0.25">
      <c r="A202" s="180" t="s">
        <v>481</v>
      </c>
      <c r="B202" s="166" t="s">
        <v>482</v>
      </c>
      <c r="C202" s="183" t="s">
        <v>484</v>
      </c>
      <c r="D202" s="166" t="s">
        <v>246</v>
      </c>
      <c r="E202" s="166">
        <v>10</v>
      </c>
      <c r="F202" s="166">
        <v>0</v>
      </c>
      <c r="G202" s="166" t="s">
        <v>84</v>
      </c>
    </row>
    <row r="203" spans="1:7" ht="13.5" thickBot="1" x14ac:dyDescent="0.25">
      <c r="A203" s="180" t="s">
        <v>481</v>
      </c>
      <c r="B203" s="166" t="s">
        <v>482</v>
      </c>
      <c r="C203" s="183" t="s">
        <v>485</v>
      </c>
      <c r="D203" s="166" t="s">
        <v>244</v>
      </c>
      <c r="E203" s="166">
        <v>9</v>
      </c>
      <c r="F203" s="166">
        <v>39.07</v>
      </c>
      <c r="G203" s="166" t="s">
        <v>84</v>
      </c>
    </row>
    <row r="204" spans="1:7" ht="13.5" thickBot="1" x14ac:dyDescent="0.25">
      <c r="A204" s="180" t="s">
        <v>481</v>
      </c>
      <c r="B204" s="166" t="s">
        <v>482</v>
      </c>
      <c r="C204" s="183" t="s">
        <v>486</v>
      </c>
      <c r="D204" s="166" t="s">
        <v>84</v>
      </c>
      <c r="E204" s="166" t="s">
        <v>84</v>
      </c>
      <c r="F204" s="166" t="s">
        <v>84</v>
      </c>
      <c r="G204" s="166" t="s">
        <v>84</v>
      </c>
    </row>
    <row r="205" spans="1:7" ht="13.5" thickBot="1" x14ac:dyDescent="0.25">
      <c r="A205" s="180" t="s">
        <v>481</v>
      </c>
      <c r="B205" s="166" t="s">
        <v>482</v>
      </c>
      <c r="C205" s="183" t="s">
        <v>487</v>
      </c>
      <c r="D205" s="166" t="s">
        <v>244</v>
      </c>
      <c r="E205" s="166">
        <v>9</v>
      </c>
      <c r="F205" s="166">
        <v>0</v>
      </c>
      <c r="G205" s="166" t="s">
        <v>84</v>
      </c>
    </row>
    <row r="206" spans="1:7" ht="13.5" thickBot="1" x14ac:dyDescent="0.25">
      <c r="A206" s="180" t="s">
        <v>481</v>
      </c>
      <c r="B206" s="166" t="s">
        <v>482</v>
      </c>
      <c r="C206" s="183" t="s">
        <v>488</v>
      </c>
      <c r="D206" s="166" t="s">
        <v>84</v>
      </c>
      <c r="E206" s="166" t="s">
        <v>84</v>
      </c>
      <c r="F206" s="166" t="s">
        <v>84</v>
      </c>
      <c r="G206" s="166" t="s">
        <v>84</v>
      </c>
    </row>
    <row r="207" spans="1:7" ht="13.5" thickBot="1" x14ac:dyDescent="0.25">
      <c r="A207" s="180" t="s">
        <v>481</v>
      </c>
      <c r="B207" s="166" t="s">
        <v>482</v>
      </c>
      <c r="C207" s="183" t="s">
        <v>489</v>
      </c>
      <c r="D207" s="166" t="s">
        <v>244</v>
      </c>
      <c r="E207" s="166">
        <v>9</v>
      </c>
      <c r="F207" s="166">
        <v>0</v>
      </c>
      <c r="G207" s="166" t="s">
        <v>84</v>
      </c>
    </row>
    <row r="208" spans="1:7" ht="26.25" thickBot="1" x14ac:dyDescent="0.25">
      <c r="A208" s="180" t="s">
        <v>481</v>
      </c>
      <c r="B208" s="166" t="s">
        <v>482</v>
      </c>
      <c r="C208" s="183" t="s">
        <v>490</v>
      </c>
      <c r="D208" s="166" t="s">
        <v>84</v>
      </c>
      <c r="E208" s="166" t="s">
        <v>84</v>
      </c>
      <c r="F208" s="166" t="s">
        <v>84</v>
      </c>
      <c r="G208" s="166" t="s">
        <v>84</v>
      </c>
    </row>
    <row r="209" spans="1:7" ht="13.5" thickBot="1" x14ac:dyDescent="0.25">
      <c r="A209" s="180" t="s">
        <v>481</v>
      </c>
      <c r="B209" s="166" t="s">
        <v>482</v>
      </c>
      <c r="C209" s="183" t="s">
        <v>491</v>
      </c>
      <c r="D209" s="166" t="s">
        <v>246</v>
      </c>
      <c r="E209" s="166">
        <v>9</v>
      </c>
      <c r="F209" s="166">
        <v>0</v>
      </c>
      <c r="G209" s="166" t="s">
        <v>84</v>
      </c>
    </row>
    <row r="210" spans="1:7" ht="13.5" thickBot="1" x14ac:dyDescent="0.25">
      <c r="A210" s="180" t="s">
        <v>481</v>
      </c>
      <c r="B210" s="166" t="s">
        <v>482</v>
      </c>
      <c r="C210" s="183" t="s">
        <v>492</v>
      </c>
      <c r="D210" s="166" t="s">
        <v>84</v>
      </c>
      <c r="E210" s="166" t="s">
        <v>84</v>
      </c>
      <c r="F210" s="166" t="s">
        <v>84</v>
      </c>
      <c r="G210" s="166" t="s">
        <v>84</v>
      </c>
    </row>
    <row r="211" spans="1:7" ht="13.5" thickBot="1" x14ac:dyDescent="0.25">
      <c r="A211" s="180" t="s">
        <v>481</v>
      </c>
      <c r="B211" s="166" t="s">
        <v>482</v>
      </c>
      <c r="C211" s="183" t="s">
        <v>493</v>
      </c>
      <c r="D211" s="166" t="s">
        <v>84</v>
      </c>
      <c r="E211" s="166" t="s">
        <v>84</v>
      </c>
      <c r="F211" s="166" t="s">
        <v>84</v>
      </c>
      <c r="G211" s="166" t="s">
        <v>84</v>
      </c>
    </row>
    <row r="212" spans="1:7" ht="13.5" thickBot="1" x14ac:dyDescent="0.25">
      <c r="A212" s="184" t="s">
        <v>481</v>
      </c>
      <c r="B212" s="189" t="s">
        <v>482</v>
      </c>
      <c r="C212" s="191" t="s">
        <v>494</v>
      </c>
      <c r="D212" s="189" t="s">
        <v>246</v>
      </c>
      <c r="E212" s="189">
        <v>10</v>
      </c>
      <c r="F212" s="189">
        <v>0</v>
      </c>
      <c r="G212" s="189" t="s">
        <v>84</v>
      </c>
    </row>
    <row r="213" spans="1:7" x14ac:dyDescent="0.2">
      <c r="A213" s="463" t="s">
        <v>524</v>
      </c>
      <c r="B213" s="461" t="s">
        <v>509</v>
      </c>
      <c r="C213" s="205" t="s">
        <v>525</v>
      </c>
      <c r="D213" s="201">
        <v>1</v>
      </c>
      <c r="E213" s="201">
        <v>20</v>
      </c>
      <c r="F213" s="201">
        <v>48.67</v>
      </c>
      <c r="G213" s="202"/>
    </row>
    <row r="214" spans="1:7" ht="15" customHeight="1" x14ac:dyDescent="0.2">
      <c r="A214" s="464"/>
      <c r="B214" s="462"/>
      <c r="C214" s="206" t="s">
        <v>526</v>
      </c>
      <c r="D214" s="203">
        <v>1</v>
      </c>
      <c r="E214" s="203">
        <v>20</v>
      </c>
      <c r="F214" s="203">
        <v>24.51</v>
      </c>
      <c r="G214" s="204"/>
    </row>
    <row r="215" spans="1:7" ht="15" customHeight="1" x14ac:dyDescent="0.2">
      <c r="A215" s="464"/>
      <c r="B215" s="462"/>
      <c r="C215" s="206" t="s">
        <v>527</v>
      </c>
      <c r="D215" s="203">
        <v>2</v>
      </c>
      <c r="E215" s="203">
        <v>18</v>
      </c>
      <c r="F215" s="203">
        <v>34.409999999999997</v>
      </c>
      <c r="G215" s="204"/>
    </row>
    <row r="216" spans="1:7" ht="15" customHeight="1" x14ac:dyDescent="0.2">
      <c r="A216" s="464"/>
      <c r="B216" s="462"/>
      <c r="C216" s="206" t="s">
        <v>528</v>
      </c>
      <c r="D216" s="203">
        <v>1</v>
      </c>
      <c r="E216" s="203">
        <v>20</v>
      </c>
      <c r="F216" s="203">
        <v>61.29</v>
      </c>
      <c r="G216" s="204"/>
    </row>
    <row r="217" spans="1:7" ht="15" customHeight="1" x14ac:dyDescent="0.2">
      <c r="A217" s="464"/>
      <c r="B217" s="462"/>
      <c r="C217" s="206" t="s">
        <v>529</v>
      </c>
      <c r="D217" s="203">
        <v>2</v>
      </c>
      <c r="E217" s="203">
        <v>18</v>
      </c>
      <c r="F217" s="203">
        <v>73.64</v>
      </c>
      <c r="G217" s="204"/>
    </row>
    <row r="218" spans="1:7" ht="15" customHeight="1" x14ac:dyDescent="0.2">
      <c r="A218" s="464"/>
      <c r="B218" s="462"/>
      <c r="C218" s="206" t="s">
        <v>530</v>
      </c>
      <c r="D218" s="203">
        <v>2</v>
      </c>
      <c r="E218" s="203">
        <v>18</v>
      </c>
      <c r="F218" s="203">
        <v>69.98</v>
      </c>
      <c r="G218" s="204"/>
    </row>
    <row r="219" spans="1:7" ht="15" customHeight="1" x14ac:dyDescent="0.2">
      <c r="A219" s="464"/>
      <c r="B219" s="462"/>
      <c r="C219" s="206" t="s">
        <v>507</v>
      </c>
      <c r="D219" s="203">
        <v>1</v>
      </c>
      <c r="E219" s="203">
        <v>20</v>
      </c>
      <c r="F219" s="203">
        <v>59.53</v>
      </c>
      <c r="G219" s="204"/>
    </row>
    <row r="220" spans="1:7" ht="15" customHeight="1" x14ac:dyDescent="0.2">
      <c r="A220" s="464"/>
      <c r="B220" s="462"/>
      <c r="C220" s="206" t="s">
        <v>506</v>
      </c>
      <c r="D220" s="203">
        <v>1</v>
      </c>
      <c r="E220" s="203">
        <v>20</v>
      </c>
      <c r="F220" s="203">
        <v>78.930000000000007</v>
      </c>
      <c r="G220" s="204"/>
    </row>
    <row r="221" spans="1:7" ht="15" customHeight="1" x14ac:dyDescent="0.2">
      <c r="A221" s="464"/>
      <c r="B221" s="462"/>
      <c r="C221" s="206" t="s">
        <v>505</v>
      </c>
      <c r="D221" s="203">
        <v>1</v>
      </c>
      <c r="E221" s="203">
        <v>20</v>
      </c>
      <c r="F221" s="203">
        <v>69.31</v>
      </c>
      <c r="G221" s="204"/>
    </row>
    <row r="222" spans="1:7" ht="15" customHeight="1" x14ac:dyDescent="0.2">
      <c r="A222" s="464"/>
      <c r="B222" s="462"/>
      <c r="C222" s="206" t="s">
        <v>504</v>
      </c>
      <c r="D222" s="203">
        <v>1</v>
      </c>
      <c r="E222" s="203">
        <v>20</v>
      </c>
      <c r="F222" s="203">
        <v>73.78</v>
      </c>
      <c r="G222" s="204"/>
    </row>
    <row r="223" spans="1:7" ht="15" customHeight="1" x14ac:dyDescent="0.2">
      <c r="A223" s="464"/>
      <c r="B223" s="462"/>
      <c r="C223" s="206" t="s">
        <v>508</v>
      </c>
      <c r="D223" s="203">
        <v>2</v>
      </c>
      <c r="E223" s="203">
        <v>18</v>
      </c>
      <c r="F223" s="203">
        <v>77.06</v>
      </c>
      <c r="G223" s="204"/>
    </row>
    <row r="224" spans="1:7" ht="15" customHeight="1" x14ac:dyDescent="0.2">
      <c r="A224" s="464"/>
      <c r="B224" s="462"/>
      <c r="C224" s="206" t="s">
        <v>507</v>
      </c>
      <c r="D224" s="203">
        <v>1</v>
      </c>
      <c r="E224" s="203">
        <v>20</v>
      </c>
      <c r="F224" s="188">
        <v>72.09</v>
      </c>
      <c r="G224" s="204"/>
    </row>
    <row r="225" spans="1:7" ht="15" customHeight="1" x14ac:dyDescent="0.2">
      <c r="A225" s="464"/>
      <c r="B225" s="462"/>
      <c r="C225" s="206" t="s">
        <v>506</v>
      </c>
      <c r="D225" s="203">
        <v>1</v>
      </c>
      <c r="E225" s="203">
        <v>20</v>
      </c>
      <c r="F225" s="188">
        <v>78.790000000000006</v>
      </c>
      <c r="G225" s="204"/>
    </row>
    <row r="226" spans="1:7" ht="15" customHeight="1" x14ac:dyDescent="0.2">
      <c r="A226" s="464"/>
      <c r="B226" s="462"/>
      <c r="C226" s="206" t="s">
        <v>505</v>
      </c>
      <c r="D226" s="203">
        <v>1</v>
      </c>
      <c r="E226" s="203">
        <v>20</v>
      </c>
      <c r="F226" s="188">
        <v>71.37</v>
      </c>
      <c r="G226" s="204"/>
    </row>
    <row r="227" spans="1:7" ht="15" customHeight="1" x14ac:dyDescent="0.2">
      <c r="A227" s="464"/>
      <c r="B227" s="462"/>
      <c r="C227" s="206" t="s">
        <v>531</v>
      </c>
      <c r="D227" s="203">
        <v>1</v>
      </c>
      <c r="E227" s="203">
        <v>20</v>
      </c>
      <c r="F227" s="188">
        <v>75.34</v>
      </c>
      <c r="G227" s="204"/>
    </row>
    <row r="228" spans="1:7" ht="15" customHeight="1" x14ac:dyDescent="0.2">
      <c r="A228" s="464"/>
      <c r="B228" s="462"/>
      <c r="C228" s="206" t="s">
        <v>526</v>
      </c>
      <c r="D228" s="203">
        <v>1</v>
      </c>
      <c r="E228" s="203">
        <v>20</v>
      </c>
      <c r="F228" s="188">
        <v>50.86</v>
      </c>
      <c r="G228" s="204"/>
    </row>
    <row r="229" spans="1:7" ht="15" customHeight="1" x14ac:dyDescent="0.2">
      <c r="A229" s="464"/>
      <c r="B229" s="462"/>
      <c r="C229" s="206" t="s">
        <v>532</v>
      </c>
      <c r="D229" s="203">
        <v>2</v>
      </c>
      <c r="E229" s="203">
        <v>18</v>
      </c>
      <c r="F229" s="188">
        <v>39.56</v>
      </c>
      <c r="G229" s="204"/>
    </row>
    <row r="230" spans="1:7" ht="15" customHeight="1" x14ac:dyDescent="0.2">
      <c r="A230" s="464"/>
      <c r="B230" s="462"/>
      <c r="C230" s="206" t="s">
        <v>529</v>
      </c>
      <c r="D230" s="203">
        <v>2</v>
      </c>
      <c r="E230" s="203">
        <v>18</v>
      </c>
      <c r="F230" s="188">
        <v>72.45</v>
      </c>
      <c r="G230" s="204"/>
    </row>
    <row r="231" spans="1:7" ht="15" customHeight="1" x14ac:dyDescent="0.2">
      <c r="A231" s="464"/>
      <c r="B231" s="462"/>
      <c r="C231" s="206" t="s">
        <v>530</v>
      </c>
      <c r="D231" s="203">
        <v>2</v>
      </c>
      <c r="E231" s="203">
        <v>18</v>
      </c>
      <c r="F231" s="188">
        <v>69.5</v>
      </c>
      <c r="G231" s="204"/>
    </row>
    <row r="232" spans="1:7" ht="15" customHeight="1" x14ac:dyDescent="0.2">
      <c r="A232" s="464"/>
      <c r="B232" s="462"/>
      <c r="C232" s="206" t="s">
        <v>508</v>
      </c>
      <c r="D232" s="203">
        <v>2</v>
      </c>
      <c r="E232" s="203">
        <v>18</v>
      </c>
      <c r="F232" s="188">
        <v>74.64</v>
      </c>
      <c r="G232" s="204"/>
    </row>
    <row r="233" spans="1:7" ht="15" customHeight="1" x14ac:dyDescent="0.2">
      <c r="A233" s="464"/>
      <c r="B233" s="462"/>
      <c r="C233" s="206" t="s">
        <v>525</v>
      </c>
      <c r="D233" s="203">
        <v>1</v>
      </c>
      <c r="E233" s="203">
        <v>20</v>
      </c>
      <c r="F233" s="188">
        <v>56</v>
      </c>
      <c r="G233" s="204"/>
    </row>
    <row r="234" spans="1:7" ht="15" customHeight="1" x14ac:dyDescent="0.2">
      <c r="A234" s="464"/>
      <c r="B234" s="462"/>
      <c r="C234" s="206" t="s">
        <v>507</v>
      </c>
      <c r="D234" s="203">
        <v>1</v>
      </c>
      <c r="E234" s="203">
        <v>20</v>
      </c>
      <c r="F234" s="188">
        <v>64</v>
      </c>
      <c r="G234" s="204"/>
    </row>
    <row r="235" spans="1:7" ht="15" customHeight="1" x14ac:dyDescent="0.2">
      <c r="A235" s="464"/>
      <c r="B235" s="462"/>
      <c r="C235" s="206" t="s">
        <v>506</v>
      </c>
      <c r="D235" s="203">
        <v>1</v>
      </c>
      <c r="E235" s="203">
        <v>20</v>
      </c>
      <c r="F235" s="188">
        <v>64</v>
      </c>
      <c r="G235" s="204"/>
    </row>
    <row r="236" spans="1:7" ht="15" customHeight="1" x14ac:dyDescent="0.2">
      <c r="A236" s="464"/>
      <c r="B236" s="462"/>
      <c r="C236" s="206" t="s">
        <v>504</v>
      </c>
      <c r="D236" s="203">
        <v>1</v>
      </c>
      <c r="E236" s="203">
        <v>20</v>
      </c>
      <c r="F236" s="188">
        <v>0</v>
      </c>
      <c r="G236" s="204"/>
    </row>
    <row r="237" spans="1:7" ht="15" customHeight="1" x14ac:dyDescent="0.2">
      <c r="A237" s="464"/>
      <c r="B237" s="462"/>
      <c r="C237" s="206" t="s">
        <v>531</v>
      </c>
      <c r="D237" s="203">
        <v>1</v>
      </c>
      <c r="E237" s="203">
        <v>20</v>
      </c>
      <c r="F237" s="188">
        <v>8.77</v>
      </c>
      <c r="G237" s="204"/>
    </row>
    <row r="238" spans="1:7" ht="15" customHeight="1" x14ac:dyDescent="0.2">
      <c r="A238" s="464"/>
      <c r="B238" s="462"/>
      <c r="C238" s="206" t="s">
        <v>527</v>
      </c>
      <c r="D238" s="203">
        <v>2</v>
      </c>
      <c r="E238" s="203">
        <v>18</v>
      </c>
      <c r="F238" s="188">
        <v>32</v>
      </c>
      <c r="G238" s="204"/>
    </row>
    <row r="239" spans="1:7" ht="15" customHeight="1" x14ac:dyDescent="0.2">
      <c r="A239" s="464"/>
      <c r="B239" s="462"/>
      <c r="C239" s="206" t="s">
        <v>529</v>
      </c>
      <c r="D239" s="203">
        <v>2</v>
      </c>
      <c r="E239" s="203">
        <v>18</v>
      </c>
      <c r="F239" s="188">
        <v>40</v>
      </c>
      <c r="G239" s="204"/>
    </row>
    <row r="240" spans="1:7" ht="15" customHeight="1" x14ac:dyDescent="0.2">
      <c r="A240" s="464"/>
      <c r="B240" s="462"/>
      <c r="C240" s="206" t="s">
        <v>533</v>
      </c>
      <c r="D240" s="203">
        <v>2</v>
      </c>
      <c r="E240" s="203">
        <v>18</v>
      </c>
      <c r="F240" s="188">
        <v>16</v>
      </c>
      <c r="G240" s="204"/>
    </row>
    <row r="241" spans="1:7" ht="15" customHeight="1" x14ac:dyDescent="0.2">
      <c r="A241" s="464"/>
      <c r="B241" s="462"/>
      <c r="C241" s="206" t="s">
        <v>525</v>
      </c>
      <c r="D241" s="203">
        <v>1</v>
      </c>
      <c r="E241" s="203">
        <v>20</v>
      </c>
      <c r="F241" s="188">
        <v>40</v>
      </c>
      <c r="G241" s="204"/>
    </row>
    <row r="242" spans="1:7" ht="15" customHeight="1" x14ac:dyDescent="0.2">
      <c r="A242" s="464"/>
      <c r="B242" s="462"/>
      <c r="C242" s="206" t="s">
        <v>507</v>
      </c>
      <c r="D242" s="203">
        <v>1</v>
      </c>
      <c r="E242" s="203">
        <v>20</v>
      </c>
      <c r="F242" s="188">
        <v>64</v>
      </c>
      <c r="G242" s="204"/>
    </row>
    <row r="243" spans="1:7" ht="15" customHeight="1" x14ac:dyDescent="0.2">
      <c r="A243" s="464"/>
      <c r="B243" s="462"/>
      <c r="C243" s="206" t="s">
        <v>506</v>
      </c>
      <c r="D243" s="203">
        <v>1</v>
      </c>
      <c r="E243" s="203">
        <v>20</v>
      </c>
      <c r="F243" s="188">
        <v>64</v>
      </c>
      <c r="G243" s="204"/>
    </row>
    <row r="244" spans="1:7" ht="15" customHeight="1" x14ac:dyDescent="0.2">
      <c r="A244" s="464"/>
      <c r="B244" s="462"/>
      <c r="C244" s="206" t="s">
        <v>505</v>
      </c>
      <c r="D244" s="203">
        <v>1</v>
      </c>
      <c r="E244" s="203">
        <v>20</v>
      </c>
      <c r="F244" s="188">
        <v>80</v>
      </c>
      <c r="G244" s="204"/>
    </row>
    <row r="245" spans="1:7" ht="15" customHeight="1" x14ac:dyDescent="0.2">
      <c r="A245" s="464"/>
      <c r="B245" s="462"/>
      <c r="C245" s="206" t="s">
        <v>504</v>
      </c>
      <c r="D245" s="203">
        <v>1</v>
      </c>
      <c r="E245" s="203">
        <v>20</v>
      </c>
      <c r="F245" s="188">
        <v>0</v>
      </c>
      <c r="G245" s="204"/>
    </row>
    <row r="246" spans="1:7" ht="15" customHeight="1" x14ac:dyDescent="0.2">
      <c r="A246" s="464"/>
      <c r="B246" s="462"/>
      <c r="C246" s="206" t="s">
        <v>531</v>
      </c>
      <c r="D246" s="203">
        <v>1</v>
      </c>
      <c r="E246" s="203">
        <v>20</v>
      </c>
      <c r="F246" s="188">
        <v>8.77</v>
      </c>
      <c r="G246" s="204"/>
    </row>
    <row r="247" spans="1:7" ht="15" customHeight="1" x14ac:dyDescent="0.2">
      <c r="A247" s="464"/>
      <c r="B247" s="462"/>
      <c r="C247" s="206" t="s">
        <v>534</v>
      </c>
      <c r="D247" s="203">
        <v>2</v>
      </c>
      <c r="E247" s="203">
        <v>18</v>
      </c>
      <c r="F247" s="188">
        <v>32</v>
      </c>
      <c r="G247" s="204"/>
    </row>
    <row r="248" spans="1:7" ht="15" customHeight="1" x14ac:dyDescent="0.2">
      <c r="A248" s="464"/>
      <c r="B248" s="462"/>
      <c r="C248" s="206" t="s">
        <v>533</v>
      </c>
      <c r="D248" s="203">
        <v>2</v>
      </c>
      <c r="E248" s="203">
        <v>18</v>
      </c>
      <c r="F248" s="188">
        <v>16</v>
      </c>
      <c r="G248" s="204"/>
    </row>
    <row r="249" spans="1:7" ht="15" customHeight="1" x14ac:dyDescent="0.2">
      <c r="A249" s="464"/>
      <c r="B249" s="462"/>
      <c r="C249" s="206" t="s">
        <v>507</v>
      </c>
      <c r="D249" s="203">
        <v>1</v>
      </c>
      <c r="E249" s="203">
        <v>20</v>
      </c>
      <c r="F249" s="188">
        <v>53.33</v>
      </c>
      <c r="G249" s="204"/>
    </row>
    <row r="250" spans="1:7" ht="15" customHeight="1" x14ac:dyDescent="0.2">
      <c r="A250" s="464"/>
      <c r="B250" s="462"/>
      <c r="C250" s="206" t="s">
        <v>506</v>
      </c>
      <c r="D250" s="203">
        <v>1</v>
      </c>
      <c r="E250" s="203">
        <v>20</v>
      </c>
      <c r="F250" s="188">
        <v>53.33</v>
      </c>
      <c r="G250" s="204"/>
    </row>
    <row r="251" spans="1:7" ht="15" customHeight="1" x14ac:dyDescent="0.2">
      <c r="A251" s="464"/>
      <c r="B251" s="462"/>
      <c r="C251" s="206" t="s">
        <v>505</v>
      </c>
      <c r="D251" s="203">
        <v>1</v>
      </c>
      <c r="E251" s="203">
        <v>20</v>
      </c>
      <c r="F251" s="188">
        <v>71.11</v>
      </c>
      <c r="G251" s="204"/>
    </row>
    <row r="252" spans="1:7" ht="15" customHeight="1" x14ac:dyDescent="0.2">
      <c r="A252" s="464"/>
      <c r="B252" s="462"/>
      <c r="C252" s="206" t="s">
        <v>504</v>
      </c>
      <c r="D252" s="203">
        <v>1</v>
      </c>
      <c r="E252" s="203">
        <v>20</v>
      </c>
      <c r="F252" s="188">
        <v>0</v>
      </c>
      <c r="G252" s="204"/>
    </row>
    <row r="253" spans="1:7" ht="15" customHeight="1" x14ac:dyDescent="0.2">
      <c r="A253" s="464"/>
      <c r="B253" s="462"/>
      <c r="C253" s="206" t="s">
        <v>531</v>
      </c>
      <c r="D253" s="203">
        <v>1</v>
      </c>
      <c r="E253" s="203">
        <v>20</v>
      </c>
      <c r="F253" s="188">
        <v>0</v>
      </c>
      <c r="G253" s="204"/>
    </row>
    <row r="254" spans="1:7" ht="15" customHeight="1" x14ac:dyDescent="0.2">
      <c r="A254" s="464"/>
      <c r="B254" s="462"/>
      <c r="C254" s="206" t="s">
        <v>527</v>
      </c>
      <c r="D254" s="203">
        <v>2</v>
      </c>
      <c r="E254" s="203">
        <v>18</v>
      </c>
      <c r="F254" s="188">
        <v>17.78</v>
      </c>
      <c r="G254" s="204"/>
    </row>
    <row r="255" spans="1:7" ht="15" customHeight="1" x14ac:dyDescent="0.2">
      <c r="A255" s="464"/>
      <c r="B255" s="462"/>
      <c r="C255" s="206" t="s">
        <v>529</v>
      </c>
      <c r="D255" s="203">
        <v>2</v>
      </c>
      <c r="E255" s="203">
        <v>18</v>
      </c>
      <c r="F255" s="188">
        <v>26.67</v>
      </c>
      <c r="G255" s="204"/>
    </row>
    <row r="256" spans="1:7" ht="15" customHeight="1" x14ac:dyDescent="0.2">
      <c r="A256" s="464"/>
      <c r="B256" s="462"/>
      <c r="C256" s="206" t="s">
        <v>533</v>
      </c>
      <c r="D256" s="203">
        <v>2</v>
      </c>
      <c r="E256" s="203">
        <v>18</v>
      </c>
      <c r="F256" s="188">
        <v>0</v>
      </c>
      <c r="G256" s="204"/>
    </row>
    <row r="257" spans="1:7" ht="15" customHeight="1" x14ac:dyDescent="0.2">
      <c r="A257" s="464"/>
      <c r="B257" s="462"/>
      <c r="C257" s="206" t="s">
        <v>507</v>
      </c>
      <c r="D257" s="203">
        <v>1</v>
      </c>
      <c r="E257" s="203">
        <v>20</v>
      </c>
      <c r="F257" s="188">
        <v>64</v>
      </c>
      <c r="G257" s="204"/>
    </row>
    <row r="258" spans="1:7" ht="15" customHeight="1" x14ac:dyDescent="0.2">
      <c r="A258" s="464"/>
      <c r="B258" s="462"/>
      <c r="C258" s="206" t="s">
        <v>505</v>
      </c>
      <c r="D258" s="203">
        <v>1</v>
      </c>
      <c r="E258" s="203">
        <v>20</v>
      </c>
      <c r="F258" s="188">
        <v>80</v>
      </c>
      <c r="G258" s="204"/>
    </row>
    <row r="259" spans="1:7" ht="15" customHeight="1" x14ac:dyDescent="0.2">
      <c r="A259" s="464"/>
      <c r="B259" s="462"/>
      <c r="C259" s="206" t="s">
        <v>504</v>
      </c>
      <c r="D259" s="203">
        <v>1</v>
      </c>
      <c r="E259" s="203">
        <v>20</v>
      </c>
      <c r="F259" s="188">
        <v>0</v>
      </c>
      <c r="G259" s="204"/>
    </row>
    <row r="260" spans="1:7" ht="15" customHeight="1" x14ac:dyDescent="0.2">
      <c r="A260" s="464"/>
      <c r="B260" s="462"/>
      <c r="C260" s="206" t="s">
        <v>531</v>
      </c>
      <c r="D260" s="203">
        <v>1</v>
      </c>
      <c r="E260" s="203">
        <v>20</v>
      </c>
      <c r="F260" s="188">
        <v>8.77</v>
      </c>
      <c r="G260" s="204"/>
    </row>
    <row r="261" spans="1:7" ht="15" customHeight="1" x14ac:dyDescent="0.2">
      <c r="A261" s="464"/>
      <c r="B261" s="462"/>
      <c r="C261" s="206" t="s">
        <v>527</v>
      </c>
      <c r="D261" s="203">
        <v>2</v>
      </c>
      <c r="E261" s="203">
        <v>18</v>
      </c>
      <c r="F261" s="188">
        <v>32</v>
      </c>
      <c r="G261" s="204"/>
    </row>
    <row r="262" spans="1:7" ht="15" customHeight="1" x14ac:dyDescent="0.2">
      <c r="A262" s="464"/>
      <c r="B262" s="462"/>
      <c r="C262" s="206" t="s">
        <v>529</v>
      </c>
      <c r="D262" s="203">
        <v>2</v>
      </c>
      <c r="E262" s="203">
        <v>18</v>
      </c>
      <c r="F262" s="188">
        <v>40</v>
      </c>
      <c r="G262" s="204"/>
    </row>
    <row r="263" spans="1:7" ht="15" customHeight="1" x14ac:dyDescent="0.2">
      <c r="A263" s="464"/>
      <c r="B263" s="462"/>
      <c r="C263" s="206" t="s">
        <v>533</v>
      </c>
      <c r="D263" s="203">
        <v>2</v>
      </c>
      <c r="E263" s="203">
        <v>18</v>
      </c>
      <c r="F263" s="188">
        <v>16</v>
      </c>
      <c r="G263" s="204"/>
    </row>
    <row r="264" spans="1:7" ht="15" customHeight="1" x14ac:dyDescent="0.2">
      <c r="A264" s="464"/>
      <c r="B264" s="462"/>
      <c r="C264" s="206" t="s">
        <v>506</v>
      </c>
      <c r="D264" s="203">
        <v>1</v>
      </c>
      <c r="E264" s="203">
        <v>20</v>
      </c>
      <c r="F264" s="188">
        <v>64</v>
      </c>
      <c r="G264" s="204"/>
    </row>
    <row r="265" spans="1:7" ht="15" customHeight="1" x14ac:dyDescent="0.2">
      <c r="A265" s="464"/>
      <c r="B265" s="462"/>
      <c r="C265" s="206" t="s">
        <v>505</v>
      </c>
      <c r="D265" s="203">
        <v>1</v>
      </c>
      <c r="E265" s="203">
        <v>20</v>
      </c>
      <c r="F265" s="188">
        <v>80</v>
      </c>
      <c r="G265" s="204"/>
    </row>
    <row r="266" spans="1:7" ht="15" customHeight="1" x14ac:dyDescent="0.2">
      <c r="A266" s="464"/>
      <c r="B266" s="462"/>
      <c r="C266" s="206" t="s">
        <v>504</v>
      </c>
      <c r="D266" s="203">
        <v>1</v>
      </c>
      <c r="E266" s="203">
        <v>20</v>
      </c>
      <c r="F266" s="188">
        <v>0</v>
      </c>
      <c r="G266" s="204"/>
    </row>
    <row r="267" spans="1:7" ht="15" customHeight="1" x14ac:dyDescent="0.2">
      <c r="A267" s="464"/>
      <c r="B267" s="462"/>
      <c r="C267" s="206" t="s">
        <v>531</v>
      </c>
      <c r="D267" s="203">
        <v>1</v>
      </c>
      <c r="E267" s="203">
        <v>20</v>
      </c>
      <c r="F267" s="188">
        <v>8.77</v>
      </c>
      <c r="G267" s="204"/>
    </row>
    <row r="268" spans="1:7" ht="15" customHeight="1" x14ac:dyDescent="0.2">
      <c r="A268" s="464"/>
      <c r="B268" s="462"/>
      <c r="C268" s="206" t="s">
        <v>527</v>
      </c>
      <c r="D268" s="203">
        <v>2</v>
      </c>
      <c r="E268" s="203">
        <v>18</v>
      </c>
      <c r="F268" s="188">
        <v>32</v>
      </c>
      <c r="G268" s="204"/>
    </row>
    <row r="269" spans="1:7" ht="15" customHeight="1" x14ac:dyDescent="0.2">
      <c r="A269" s="464"/>
      <c r="B269" s="462"/>
      <c r="C269" s="206" t="s">
        <v>529</v>
      </c>
      <c r="D269" s="203">
        <v>2</v>
      </c>
      <c r="E269" s="203">
        <v>18</v>
      </c>
      <c r="F269" s="188">
        <v>40</v>
      </c>
      <c r="G269" s="204"/>
    </row>
    <row r="270" spans="1:7" ht="15" customHeight="1" x14ac:dyDescent="0.2">
      <c r="A270" s="464"/>
      <c r="B270" s="462"/>
      <c r="C270" s="206" t="s">
        <v>533</v>
      </c>
      <c r="D270" s="203">
        <v>2</v>
      </c>
      <c r="E270" s="203">
        <v>18</v>
      </c>
      <c r="F270" s="188">
        <v>16</v>
      </c>
      <c r="G270" s="204"/>
    </row>
    <row r="271" spans="1:7" ht="15" customHeight="1" x14ac:dyDescent="0.2">
      <c r="A271" s="464"/>
      <c r="B271" s="462"/>
      <c r="C271" s="206" t="s">
        <v>535</v>
      </c>
      <c r="D271" s="203">
        <v>1</v>
      </c>
      <c r="E271" s="203">
        <v>10</v>
      </c>
      <c r="F271" s="188">
        <v>67.61</v>
      </c>
      <c r="G271" s="204"/>
    </row>
    <row r="272" spans="1:7" ht="15" customHeight="1" x14ac:dyDescent="0.2">
      <c r="A272" s="464"/>
      <c r="B272" s="462"/>
      <c r="C272" s="206" t="s">
        <v>536</v>
      </c>
      <c r="D272" s="203">
        <v>1</v>
      </c>
      <c r="E272" s="203">
        <v>10</v>
      </c>
      <c r="F272" s="188">
        <v>79.23</v>
      </c>
      <c r="G272" s="204"/>
    </row>
    <row r="273" spans="1:7" ht="15" customHeight="1" x14ac:dyDescent="0.2">
      <c r="A273" s="464"/>
      <c r="B273" s="462"/>
      <c r="C273" s="206" t="s">
        <v>506</v>
      </c>
      <c r="D273" s="203">
        <v>1</v>
      </c>
      <c r="E273" s="203">
        <v>10</v>
      </c>
      <c r="F273" s="188">
        <v>89.28</v>
      </c>
      <c r="G273" s="204"/>
    </row>
    <row r="274" spans="1:7" ht="15" customHeight="1" x14ac:dyDescent="0.2">
      <c r="A274" s="464"/>
      <c r="B274" s="462"/>
      <c r="C274" s="206" t="s">
        <v>505</v>
      </c>
      <c r="D274" s="203">
        <v>1</v>
      </c>
      <c r="E274" s="203">
        <v>10</v>
      </c>
      <c r="F274" s="188">
        <v>78.75</v>
      </c>
      <c r="G274" s="204"/>
    </row>
    <row r="275" spans="1:7" ht="15" customHeight="1" x14ac:dyDescent="0.2">
      <c r="A275" s="464"/>
      <c r="B275" s="462"/>
      <c r="C275" s="206" t="s">
        <v>504</v>
      </c>
      <c r="D275" s="203">
        <v>1</v>
      </c>
      <c r="E275" s="203">
        <v>10</v>
      </c>
      <c r="F275" s="188">
        <v>87.54</v>
      </c>
      <c r="G275" s="204"/>
    </row>
    <row r="276" spans="1:7" ht="15" customHeight="1" x14ac:dyDescent="0.2">
      <c r="A276" s="464"/>
      <c r="B276" s="462"/>
      <c r="C276" s="206" t="s">
        <v>537</v>
      </c>
      <c r="D276" s="203">
        <v>1</v>
      </c>
      <c r="E276" s="203">
        <v>10</v>
      </c>
      <c r="F276" s="188">
        <v>44.36</v>
      </c>
      <c r="G276" s="204"/>
    </row>
    <row r="277" spans="1:7" ht="15" customHeight="1" x14ac:dyDescent="0.2">
      <c r="A277" s="464"/>
      <c r="B277" s="462"/>
      <c r="C277" s="206" t="s">
        <v>531</v>
      </c>
      <c r="D277" s="203">
        <v>1</v>
      </c>
      <c r="E277" s="203">
        <v>10</v>
      </c>
      <c r="F277" s="188">
        <v>80.17</v>
      </c>
      <c r="G277" s="204"/>
    </row>
    <row r="278" spans="1:7" ht="15" customHeight="1" x14ac:dyDescent="0.2">
      <c r="A278" s="464"/>
      <c r="B278" s="462"/>
      <c r="C278" s="206" t="s">
        <v>526</v>
      </c>
      <c r="D278" s="203">
        <v>1</v>
      </c>
      <c r="E278" s="203">
        <v>10</v>
      </c>
      <c r="F278" s="188">
        <v>77.540000000000006</v>
      </c>
      <c r="G278" s="204"/>
    </row>
    <row r="279" spans="1:7" ht="15" customHeight="1" x14ac:dyDescent="0.2">
      <c r="A279" s="464"/>
      <c r="B279" s="462"/>
      <c r="C279" s="206" t="s">
        <v>538</v>
      </c>
      <c r="D279" s="203">
        <v>1</v>
      </c>
      <c r="E279" s="203">
        <v>10</v>
      </c>
      <c r="F279" s="188">
        <v>66.459999999999994</v>
      </c>
      <c r="G279" s="204"/>
    </row>
    <row r="280" spans="1:7" ht="15" customHeight="1" x14ac:dyDescent="0.2">
      <c r="A280" s="464"/>
      <c r="B280" s="462"/>
      <c r="C280" s="206" t="s">
        <v>539</v>
      </c>
      <c r="D280" s="203">
        <v>1</v>
      </c>
      <c r="E280" s="203">
        <v>10</v>
      </c>
      <c r="F280" s="188">
        <v>63.71</v>
      </c>
      <c r="G280" s="204"/>
    </row>
    <row r="281" spans="1:7" ht="15" customHeight="1" x14ac:dyDescent="0.2">
      <c r="A281" s="464"/>
      <c r="B281" s="462"/>
      <c r="C281" s="206" t="s">
        <v>540</v>
      </c>
      <c r="D281" s="203">
        <v>1</v>
      </c>
      <c r="E281" s="203">
        <v>10</v>
      </c>
      <c r="F281" s="188">
        <v>71.14</v>
      </c>
      <c r="G281" s="204"/>
    </row>
    <row r="282" spans="1:7" ht="15" customHeight="1" x14ac:dyDescent="0.2">
      <c r="A282" s="464"/>
      <c r="B282" s="462"/>
      <c r="C282" s="206" t="s">
        <v>541</v>
      </c>
      <c r="D282" s="203">
        <v>1</v>
      </c>
      <c r="E282" s="203">
        <v>10</v>
      </c>
      <c r="F282" s="188">
        <v>65.569999999999993</v>
      </c>
      <c r="G282" s="204"/>
    </row>
    <row r="283" spans="1:7" ht="15" customHeight="1" x14ac:dyDescent="0.2">
      <c r="A283" s="464"/>
      <c r="B283" s="462"/>
      <c r="C283" s="206" t="s">
        <v>528</v>
      </c>
      <c r="D283" s="203">
        <v>1</v>
      </c>
      <c r="E283" s="203">
        <v>10</v>
      </c>
      <c r="F283" s="188">
        <v>79.09</v>
      </c>
      <c r="G283" s="204"/>
    </row>
    <row r="284" spans="1:7" ht="15" customHeight="1" x14ac:dyDescent="0.2">
      <c r="A284" s="464"/>
      <c r="B284" s="462"/>
      <c r="C284" s="206" t="s">
        <v>542</v>
      </c>
      <c r="D284" s="203">
        <v>1</v>
      </c>
      <c r="E284" s="203">
        <v>10</v>
      </c>
      <c r="F284" s="188">
        <v>66.680000000000007</v>
      </c>
      <c r="G284" s="204"/>
    </row>
    <row r="285" spans="1:7" ht="15" customHeight="1" x14ac:dyDescent="0.2">
      <c r="A285" s="464"/>
      <c r="B285" s="462"/>
      <c r="C285" s="206" t="s">
        <v>508</v>
      </c>
      <c r="D285" s="203">
        <v>2</v>
      </c>
      <c r="E285" s="203">
        <v>9</v>
      </c>
      <c r="F285" s="188">
        <v>88.16</v>
      </c>
      <c r="G285" s="204"/>
    </row>
    <row r="286" spans="1:7" ht="15" customHeight="1" x14ac:dyDescent="0.2">
      <c r="A286" s="464"/>
      <c r="B286" s="462"/>
      <c r="C286" s="206" t="s">
        <v>533</v>
      </c>
      <c r="D286" s="203">
        <v>2</v>
      </c>
      <c r="E286" s="203">
        <v>9</v>
      </c>
      <c r="F286" s="188">
        <v>78.13</v>
      </c>
      <c r="G286" s="204"/>
    </row>
    <row r="287" spans="1:7" ht="15" customHeight="1" x14ac:dyDescent="0.2">
      <c r="A287" s="464"/>
      <c r="B287" s="462"/>
      <c r="C287" s="206" t="s">
        <v>535</v>
      </c>
      <c r="D287" s="203">
        <v>1</v>
      </c>
      <c r="E287" s="203">
        <v>10</v>
      </c>
      <c r="F287" s="188">
        <v>0</v>
      </c>
      <c r="G287" s="204"/>
    </row>
    <row r="288" spans="1:7" ht="15" customHeight="1" x14ac:dyDescent="0.2">
      <c r="A288" s="464"/>
      <c r="B288" s="462"/>
      <c r="C288" s="206" t="s">
        <v>536</v>
      </c>
      <c r="D288" s="203">
        <v>1</v>
      </c>
      <c r="E288" s="203">
        <v>10</v>
      </c>
      <c r="F288" s="188">
        <v>76.739999999999995</v>
      </c>
      <c r="G288" s="204"/>
    </row>
    <row r="289" spans="1:7" ht="15" customHeight="1" x14ac:dyDescent="0.2">
      <c r="A289" s="464"/>
      <c r="B289" s="462"/>
      <c r="C289" s="206" t="s">
        <v>507</v>
      </c>
      <c r="D289" s="203">
        <v>1</v>
      </c>
      <c r="E289" s="203">
        <v>10</v>
      </c>
      <c r="F289" s="188">
        <v>90</v>
      </c>
      <c r="G289" s="204"/>
    </row>
    <row r="290" spans="1:7" ht="15" customHeight="1" x14ac:dyDescent="0.2">
      <c r="A290" s="464"/>
      <c r="B290" s="462"/>
      <c r="C290" s="206" t="s">
        <v>505</v>
      </c>
      <c r="D290" s="203">
        <v>1</v>
      </c>
      <c r="E290" s="203">
        <v>10</v>
      </c>
      <c r="F290" s="188">
        <v>80.05</v>
      </c>
      <c r="G290" s="204"/>
    </row>
    <row r="291" spans="1:7" ht="15" customHeight="1" x14ac:dyDescent="0.2">
      <c r="A291" s="464"/>
      <c r="B291" s="462"/>
      <c r="C291" s="206" t="s">
        <v>504</v>
      </c>
      <c r="D291" s="203">
        <v>1</v>
      </c>
      <c r="E291" s="203">
        <v>10</v>
      </c>
      <c r="F291" s="188">
        <v>88.02</v>
      </c>
      <c r="G291" s="204"/>
    </row>
    <row r="292" spans="1:7" ht="15" customHeight="1" x14ac:dyDescent="0.2">
      <c r="A292" s="464"/>
      <c r="B292" s="462"/>
      <c r="C292" s="206" t="s">
        <v>531</v>
      </c>
      <c r="D292" s="203">
        <v>1</v>
      </c>
      <c r="E292" s="203">
        <v>10</v>
      </c>
      <c r="F292" s="188">
        <v>81.96</v>
      </c>
      <c r="G292" s="204"/>
    </row>
    <row r="293" spans="1:7" ht="15" customHeight="1" x14ac:dyDescent="0.2">
      <c r="A293" s="464"/>
      <c r="B293" s="462"/>
      <c r="C293" s="206" t="s">
        <v>526</v>
      </c>
      <c r="D293" s="203">
        <v>1</v>
      </c>
      <c r="E293" s="203">
        <v>10</v>
      </c>
      <c r="F293" s="188">
        <v>78.400000000000006</v>
      </c>
      <c r="G293" s="204"/>
    </row>
    <row r="294" spans="1:7" ht="15" customHeight="1" x14ac:dyDescent="0.2">
      <c r="A294" s="464"/>
      <c r="B294" s="462"/>
      <c r="C294" s="206" t="s">
        <v>538</v>
      </c>
      <c r="D294" s="203">
        <v>1</v>
      </c>
      <c r="E294" s="203">
        <v>10</v>
      </c>
      <c r="F294" s="188">
        <v>65.37</v>
      </c>
      <c r="G294" s="204"/>
    </row>
    <row r="295" spans="1:7" ht="15" customHeight="1" x14ac:dyDescent="0.2">
      <c r="A295" s="464"/>
      <c r="B295" s="462"/>
      <c r="C295" s="206" t="s">
        <v>539</v>
      </c>
      <c r="D295" s="203">
        <v>1</v>
      </c>
      <c r="E295" s="203">
        <v>10</v>
      </c>
      <c r="F295" s="188">
        <v>65.39</v>
      </c>
      <c r="G295" s="204"/>
    </row>
    <row r="296" spans="1:7" ht="15" customHeight="1" x14ac:dyDescent="0.2">
      <c r="A296" s="464"/>
      <c r="B296" s="462"/>
      <c r="C296" s="206" t="s">
        <v>540</v>
      </c>
      <c r="D296" s="203">
        <v>1</v>
      </c>
      <c r="E296" s="203">
        <v>10</v>
      </c>
      <c r="F296" s="188">
        <v>50.91</v>
      </c>
      <c r="G296" s="204"/>
    </row>
    <row r="297" spans="1:7" ht="15" customHeight="1" x14ac:dyDescent="0.2">
      <c r="A297" s="464"/>
      <c r="B297" s="462"/>
      <c r="C297" s="206" t="s">
        <v>541</v>
      </c>
      <c r="D297" s="203">
        <v>1</v>
      </c>
      <c r="E297" s="203">
        <v>10</v>
      </c>
      <c r="F297" s="188">
        <v>63.85</v>
      </c>
      <c r="G297" s="204"/>
    </row>
    <row r="298" spans="1:7" ht="15" customHeight="1" x14ac:dyDescent="0.2">
      <c r="A298" s="464"/>
      <c r="B298" s="462"/>
      <c r="C298" s="206" t="s">
        <v>528</v>
      </c>
      <c r="D298" s="203">
        <v>1</v>
      </c>
      <c r="E298" s="203">
        <v>10</v>
      </c>
      <c r="F298" s="188">
        <v>78.72</v>
      </c>
      <c r="G298" s="204"/>
    </row>
    <row r="299" spans="1:7" ht="15" customHeight="1" x14ac:dyDescent="0.2">
      <c r="A299" s="464"/>
      <c r="B299" s="462"/>
      <c r="C299" s="206" t="s">
        <v>542</v>
      </c>
      <c r="D299" s="203">
        <v>1</v>
      </c>
      <c r="E299" s="203">
        <v>10</v>
      </c>
      <c r="F299" s="188">
        <v>62.39</v>
      </c>
      <c r="G299" s="204"/>
    </row>
    <row r="300" spans="1:7" ht="15" customHeight="1" x14ac:dyDescent="0.2">
      <c r="A300" s="464"/>
      <c r="B300" s="462"/>
      <c r="C300" s="206" t="s">
        <v>508</v>
      </c>
      <c r="D300" s="203">
        <v>2</v>
      </c>
      <c r="E300" s="203">
        <v>9</v>
      </c>
      <c r="F300" s="188">
        <v>87.44</v>
      </c>
      <c r="G300" s="204"/>
    </row>
    <row r="301" spans="1:7" ht="15" customHeight="1" x14ac:dyDescent="0.2">
      <c r="A301" s="464"/>
      <c r="B301" s="462"/>
      <c r="C301" s="206" t="s">
        <v>533</v>
      </c>
      <c r="D301" s="203">
        <v>2</v>
      </c>
      <c r="E301" s="203">
        <v>9</v>
      </c>
      <c r="F301" s="188">
        <v>78.02</v>
      </c>
      <c r="G301" s="204"/>
    </row>
    <row r="302" spans="1:7" ht="15" customHeight="1" x14ac:dyDescent="0.2">
      <c r="A302" s="464"/>
      <c r="B302" s="462"/>
      <c r="C302" s="206" t="s">
        <v>543</v>
      </c>
      <c r="D302" s="203">
        <v>1</v>
      </c>
      <c r="E302" s="203">
        <v>10</v>
      </c>
      <c r="F302" s="188">
        <v>86.99</v>
      </c>
      <c r="G302" s="204"/>
    </row>
    <row r="303" spans="1:7" ht="15" customHeight="1" x14ac:dyDescent="0.2">
      <c r="A303" s="464"/>
      <c r="B303" s="462"/>
      <c r="C303" s="206" t="s">
        <v>535</v>
      </c>
      <c r="D303" s="203">
        <v>1</v>
      </c>
      <c r="E303" s="203">
        <v>10</v>
      </c>
      <c r="F303" s="188">
        <v>64.56</v>
      </c>
      <c r="G303" s="204"/>
    </row>
    <row r="304" spans="1:7" ht="15" customHeight="1" x14ac:dyDescent="0.2">
      <c r="A304" s="464"/>
      <c r="B304" s="462"/>
      <c r="C304" s="206" t="s">
        <v>536</v>
      </c>
      <c r="D304" s="203">
        <v>1</v>
      </c>
      <c r="E304" s="203">
        <v>10</v>
      </c>
      <c r="F304" s="188">
        <v>80.36</v>
      </c>
      <c r="G304" s="204"/>
    </row>
    <row r="305" spans="1:7" ht="15" customHeight="1" x14ac:dyDescent="0.2">
      <c r="A305" s="464"/>
      <c r="B305" s="462"/>
      <c r="C305" s="206" t="s">
        <v>544</v>
      </c>
      <c r="D305" s="203">
        <v>1</v>
      </c>
      <c r="E305" s="203">
        <v>10</v>
      </c>
      <c r="F305" s="188">
        <v>75.900000000000006</v>
      </c>
      <c r="G305" s="204"/>
    </row>
    <row r="306" spans="1:7" ht="15" customHeight="1" x14ac:dyDescent="0.2">
      <c r="A306" s="464"/>
      <c r="B306" s="462"/>
      <c r="C306" s="206" t="s">
        <v>507</v>
      </c>
      <c r="D306" s="203">
        <v>1</v>
      </c>
      <c r="E306" s="203">
        <v>10</v>
      </c>
      <c r="F306" s="188">
        <v>90</v>
      </c>
      <c r="G306" s="204"/>
    </row>
    <row r="307" spans="1:7" ht="15" customHeight="1" x14ac:dyDescent="0.2">
      <c r="A307" s="464"/>
      <c r="B307" s="462"/>
      <c r="C307" s="206" t="s">
        <v>506</v>
      </c>
      <c r="D307" s="203">
        <v>1</v>
      </c>
      <c r="E307" s="203">
        <v>10</v>
      </c>
      <c r="F307" s="188">
        <v>89.75</v>
      </c>
      <c r="G307" s="204"/>
    </row>
    <row r="308" spans="1:7" ht="15" customHeight="1" x14ac:dyDescent="0.2">
      <c r="A308" s="464"/>
      <c r="B308" s="462"/>
      <c r="C308" s="206" t="s">
        <v>505</v>
      </c>
      <c r="D308" s="203">
        <v>1</v>
      </c>
      <c r="E308" s="203">
        <v>10</v>
      </c>
      <c r="F308" s="188">
        <v>79.23</v>
      </c>
      <c r="G308" s="204"/>
    </row>
    <row r="309" spans="1:7" ht="15" customHeight="1" x14ac:dyDescent="0.2">
      <c r="A309" s="464"/>
      <c r="B309" s="462"/>
      <c r="C309" s="206" t="s">
        <v>504</v>
      </c>
      <c r="D309" s="203">
        <v>1</v>
      </c>
      <c r="E309" s="203">
        <v>10</v>
      </c>
      <c r="F309" s="188">
        <v>61.74</v>
      </c>
      <c r="G309" s="204"/>
    </row>
    <row r="310" spans="1:7" ht="15" customHeight="1" x14ac:dyDescent="0.2">
      <c r="A310" s="464"/>
      <c r="B310" s="462"/>
      <c r="C310" s="206" t="s">
        <v>531</v>
      </c>
      <c r="D310" s="203">
        <v>1</v>
      </c>
      <c r="E310" s="203">
        <v>10</v>
      </c>
      <c r="F310" s="188">
        <v>81.52</v>
      </c>
      <c r="G310" s="204"/>
    </row>
    <row r="311" spans="1:7" ht="15" customHeight="1" x14ac:dyDescent="0.2">
      <c r="A311" s="464"/>
      <c r="B311" s="462"/>
      <c r="C311" s="206" t="s">
        <v>526</v>
      </c>
      <c r="D311" s="203">
        <v>1</v>
      </c>
      <c r="E311" s="203">
        <v>10</v>
      </c>
      <c r="F311" s="188">
        <v>79.16</v>
      </c>
      <c r="G311" s="204"/>
    </row>
    <row r="312" spans="1:7" ht="15" customHeight="1" x14ac:dyDescent="0.2">
      <c r="A312" s="464"/>
      <c r="B312" s="462"/>
      <c r="C312" s="206" t="s">
        <v>538</v>
      </c>
      <c r="D312" s="203">
        <v>1</v>
      </c>
      <c r="E312" s="203">
        <v>10</v>
      </c>
      <c r="F312" s="188">
        <v>72.22</v>
      </c>
      <c r="G312" s="204"/>
    </row>
    <row r="313" spans="1:7" ht="15" customHeight="1" x14ac:dyDescent="0.2">
      <c r="A313" s="464"/>
      <c r="B313" s="462"/>
      <c r="C313" s="206" t="s">
        <v>539</v>
      </c>
      <c r="D313" s="203">
        <v>1</v>
      </c>
      <c r="E313" s="203">
        <v>10</v>
      </c>
      <c r="F313" s="188">
        <v>64.709999999999994</v>
      </c>
      <c r="G313" s="204"/>
    </row>
    <row r="314" spans="1:7" ht="15" customHeight="1" x14ac:dyDescent="0.2">
      <c r="A314" s="464"/>
      <c r="B314" s="462"/>
      <c r="C314" s="206" t="s">
        <v>540</v>
      </c>
      <c r="D314" s="203">
        <v>1</v>
      </c>
      <c r="E314" s="203">
        <v>10</v>
      </c>
      <c r="F314" s="188">
        <v>57.1</v>
      </c>
      <c r="G314" s="204"/>
    </row>
    <row r="315" spans="1:7" ht="15" customHeight="1" x14ac:dyDescent="0.2">
      <c r="A315" s="464"/>
      <c r="B315" s="462"/>
      <c r="C315" s="206" t="s">
        <v>541</v>
      </c>
      <c r="D315" s="203">
        <v>1</v>
      </c>
      <c r="E315" s="203">
        <v>10</v>
      </c>
      <c r="F315" s="188">
        <v>64.400000000000006</v>
      </c>
      <c r="G315" s="204"/>
    </row>
    <row r="316" spans="1:7" ht="15" customHeight="1" x14ac:dyDescent="0.2">
      <c r="A316" s="464"/>
      <c r="B316" s="462"/>
      <c r="C316" s="206" t="s">
        <v>545</v>
      </c>
      <c r="D316" s="203">
        <v>1</v>
      </c>
      <c r="E316" s="203">
        <v>10</v>
      </c>
      <c r="F316" s="188">
        <v>72.47</v>
      </c>
      <c r="G316" s="204"/>
    </row>
    <row r="317" spans="1:7" ht="15" customHeight="1" x14ac:dyDescent="0.2">
      <c r="A317" s="464"/>
      <c r="B317" s="462"/>
      <c r="C317" s="206" t="s">
        <v>528</v>
      </c>
      <c r="D317" s="203">
        <v>1</v>
      </c>
      <c r="E317" s="203">
        <v>10</v>
      </c>
      <c r="F317" s="188">
        <v>79.489999999999995</v>
      </c>
      <c r="G317" s="204"/>
    </row>
    <row r="318" spans="1:7" ht="15" customHeight="1" x14ac:dyDescent="0.2">
      <c r="A318" s="464"/>
      <c r="B318" s="462"/>
      <c r="C318" s="206" t="s">
        <v>542</v>
      </c>
      <c r="D318" s="203">
        <v>1</v>
      </c>
      <c r="E318" s="203">
        <v>10</v>
      </c>
      <c r="F318" s="188">
        <v>61.31</v>
      </c>
      <c r="G318" s="204"/>
    </row>
    <row r="319" spans="1:7" ht="15.75" customHeight="1" thickBot="1" x14ac:dyDescent="0.25">
      <c r="A319" s="464"/>
      <c r="B319" s="462"/>
      <c r="C319" s="207" t="s">
        <v>533</v>
      </c>
      <c r="D319" s="208">
        <v>2</v>
      </c>
      <c r="E319" s="208">
        <v>9</v>
      </c>
      <c r="F319" s="209">
        <v>78.22</v>
      </c>
      <c r="G319" s="210"/>
    </row>
    <row r="320" spans="1:7" ht="55.15" customHeight="1" x14ac:dyDescent="0.2">
      <c r="A320" s="505" t="s">
        <v>546</v>
      </c>
      <c r="B320" s="507" t="s">
        <v>547</v>
      </c>
      <c r="C320" s="211" t="s">
        <v>553</v>
      </c>
      <c r="D320" s="212">
        <v>1</v>
      </c>
      <c r="E320" s="212">
        <v>20</v>
      </c>
      <c r="F320" s="212">
        <v>73.86</v>
      </c>
      <c r="G320" s="213" t="s">
        <v>554</v>
      </c>
    </row>
    <row r="321" spans="1:7" ht="14.45" customHeight="1" x14ac:dyDescent="0.2">
      <c r="A321" s="506"/>
      <c r="B321" s="508"/>
      <c r="C321" s="192" t="s">
        <v>555</v>
      </c>
      <c r="D321" s="193">
        <v>1</v>
      </c>
      <c r="E321" s="193">
        <v>20</v>
      </c>
      <c r="F321" s="193">
        <v>71.42</v>
      </c>
      <c r="G321" s="214" t="s">
        <v>556</v>
      </c>
    </row>
    <row r="322" spans="1:7" ht="14.45" customHeight="1" x14ac:dyDescent="0.2">
      <c r="A322" s="506"/>
      <c r="B322" s="508"/>
      <c r="C322" s="192" t="s">
        <v>557</v>
      </c>
      <c r="D322" s="193">
        <v>1</v>
      </c>
      <c r="E322" s="193">
        <v>20</v>
      </c>
      <c r="F322" s="193">
        <v>67.12</v>
      </c>
      <c r="G322" s="214" t="s">
        <v>558</v>
      </c>
    </row>
    <row r="323" spans="1:7" ht="40.9" customHeight="1" x14ac:dyDescent="0.2">
      <c r="A323" s="506"/>
      <c r="B323" s="508"/>
      <c r="C323" s="192" t="s">
        <v>571</v>
      </c>
      <c r="D323" s="193">
        <v>1</v>
      </c>
      <c r="E323" s="193">
        <v>20</v>
      </c>
      <c r="F323" s="193">
        <v>56.69</v>
      </c>
      <c r="G323" s="214" t="s">
        <v>559</v>
      </c>
    </row>
    <row r="324" spans="1:7" ht="14.45" customHeight="1" x14ac:dyDescent="0.2">
      <c r="A324" s="506"/>
      <c r="B324" s="508"/>
      <c r="C324" s="192" t="s">
        <v>560</v>
      </c>
      <c r="D324" s="193">
        <v>1</v>
      </c>
      <c r="E324" s="193">
        <v>20</v>
      </c>
      <c r="F324" s="193">
        <v>41.84</v>
      </c>
      <c r="G324" s="214" t="s">
        <v>561</v>
      </c>
    </row>
    <row r="325" spans="1:7" ht="40.9" customHeight="1" x14ac:dyDescent="0.2">
      <c r="A325" s="506"/>
      <c r="B325" s="508"/>
      <c r="C325" s="192" t="s">
        <v>470</v>
      </c>
      <c r="D325" s="193">
        <v>1</v>
      </c>
      <c r="E325" s="193">
        <v>20</v>
      </c>
      <c r="F325" s="193">
        <v>10.64</v>
      </c>
      <c r="G325" s="214" t="s">
        <v>562</v>
      </c>
    </row>
    <row r="326" spans="1:7" ht="14.45" customHeight="1" x14ac:dyDescent="0.2">
      <c r="A326" s="506"/>
      <c r="B326" s="508"/>
      <c r="C326" s="192" t="s">
        <v>563</v>
      </c>
      <c r="D326" s="193">
        <v>1</v>
      </c>
      <c r="E326" s="193">
        <v>20</v>
      </c>
      <c r="F326" s="193">
        <v>-11.71</v>
      </c>
      <c r="G326" s="214" t="s">
        <v>564</v>
      </c>
    </row>
    <row r="327" spans="1:7" ht="40.9" customHeight="1" x14ac:dyDescent="0.2">
      <c r="A327" s="506"/>
      <c r="B327" s="508"/>
      <c r="C327" s="192" t="s">
        <v>572</v>
      </c>
      <c r="D327" s="471" t="s">
        <v>565</v>
      </c>
      <c r="E327" s="471"/>
      <c r="F327" s="471"/>
      <c r="G327" s="502"/>
    </row>
    <row r="328" spans="1:7" ht="14.45" customHeight="1" x14ac:dyDescent="0.2">
      <c r="A328" s="506"/>
      <c r="B328" s="508"/>
      <c r="C328" s="192" t="s">
        <v>566</v>
      </c>
      <c r="D328" s="471" t="s">
        <v>567</v>
      </c>
      <c r="E328" s="471"/>
      <c r="F328" s="471"/>
      <c r="G328" s="502"/>
    </row>
    <row r="329" spans="1:7" ht="14.45" customHeight="1" x14ac:dyDescent="0.2">
      <c r="A329" s="506"/>
      <c r="B329" s="508"/>
      <c r="C329" s="192" t="s">
        <v>568</v>
      </c>
      <c r="D329" s="471" t="s">
        <v>567</v>
      </c>
      <c r="E329" s="471"/>
      <c r="F329" s="471"/>
      <c r="G329" s="502"/>
    </row>
    <row r="330" spans="1:7" ht="40.9" customHeight="1" x14ac:dyDescent="0.2">
      <c r="A330" s="506"/>
      <c r="B330" s="508"/>
      <c r="C330" s="192" t="s">
        <v>573</v>
      </c>
      <c r="D330" s="471" t="s">
        <v>569</v>
      </c>
      <c r="E330" s="471"/>
      <c r="F330" s="471"/>
      <c r="G330" s="502"/>
    </row>
    <row r="331" spans="1:7" ht="40.9" customHeight="1" x14ac:dyDescent="0.2">
      <c r="A331" s="506"/>
      <c r="B331" s="508"/>
      <c r="C331" s="192" t="s">
        <v>574</v>
      </c>
      <c r="D331" s="471" t="s">
        <v>569</v>
      </c>
      <c r="E331" s="471"/>
      <c r="F331" s="471"/>
      <c r="G331" s="502"/>
    </row>
    <row r="332" spans="1:7" ht="27" customHeight="1" x14ac:dyDescent="0.2">
      <c r="A332" s="506"/>
      <c r="B332" s="508"/>
      <c r="C332" s="192" t="s">
        <v>575</v>
      </c>
      <c r="D332" s="471" t="s">
        <v>569</v>
      </c>
      <c r="E332" s="471"/>
      <c r="F332" s="471"/>
      <c r="G332" s="502"/>
    </row>
    <row r="333" spans="1:7" ht="14.45" customHeight="1" x14ac:dyDescent="0.2">
      <c r="A333" s="506"/>
      <c r="B333" s="508"/>
      <c r="C333" s="192" t="s">
        <v>570</v>
      </c>
      <c r="D333" s="471" t="s">
        <v>569</v>
      </c>
      <c r="E333" s="471"/>
      <c r="F333" s="471"/>
      <c r="G333" s="502"/>
    </row>
    <row r="334" spans="1:7" ht="40.9" customHeight="1" x14ac:dyDescent="0.2">
      <c r="A334" s="506"/>
      <c r="B334" s="508"/>
      <c r="C334" s="192" t="s">
        <v>576</v>
      </c>
      <c r="D334" s="471" t="s">
        <v>569</v>
      </c>
      <c r="E334" s="471"/>
      <c r="F334" s="471"/>
      <c r="G334" s="502"/>
    </row>
    <row r="335" spans="1:7" ht="40.9" customHeight="1" x14ac:dyDescent="0.2">
      <c r="A335" s="506"/>
      <c r="B335" s="508"/>
      <c r="C335" s="192" t="s">
        <v>577</v>
      </c>
      <c r="D335" s="471" t="s">
        <v>569</v>
      </c>
      <c r="E335" s="471"/>
      <c r="F335" s="471"/>
      <c r="G335" s="502"/>
    </row>
    <row r="336" spans="1:7" ht="40.9" customHeight="1" x14ac:dyDescent="0.2">
      <c r="A336" s="506"/>
      <c r="B336" s="508"/>
      <c r="C336" s="192" t="s">
        <v>578</v>
      </c>
      <c r="D336" s="471" t="s">
        <v>569</v>
      </c>
      <c r="E336" s="471"/>
      <c r="F336" s="471"/>
      <c r="G336" s="502"/>
    </row>
    <row r="337" spans="1:7" ht="39.6" customHeight="1" thickBot="1" x14ac:dyDescent="0.25">
      <c r="A337" s="506"/>
      <c r="B337" s="508"/>
      <c r="C337" s="145" t="s">
        <v>579</v>
      </c>
      <c r="D337" s="503" t="s">
        <v>569</v>
      </c>
      <c r="E337" s="503"/>
      <c r="F337" s="503"/>
      <c r="G337" s="504"/>
    </row>
    <row r="338" spans="1:7" ht="25.5" x14ac:dyDescent="0.2">
      <c r="A338" s="232" t="s">
        <v>580</v>
      </c>
      <c r="B338" s="211" t="s">
        <v>581</v>
      </c>
      <c r="C338" s="211" t="s">
        <v>593</v>
      </c>
      <c r="D338" s="212" t="s">
        <v>84</v>
      </c>
      <c r="E338" s="212" t="s">
        <v>84</v>
      </c>
      <c r="F338" s="212" t="s">
        <v>84</v>
      </c>
      <c r="G338" s="221" t="s">
        <v>84</v>
      </c>
    </row>
    <row r="339" spans="1:7" ht="25.5" x14ac:dyDescent="0.2">
      <c r="A339" s="233" t="s">
        <v>580</v>
      </c>
      <c r="B339" s="216" t="s">
        <v>581</v>
      </c>
      <c r="C339" s="216" t="s">
        <v>594</v>
      </c>
      <c r="D339" s="217" t="s">
        <v>84</v>
      </c>
      <c r="E339" s="217" t="s">
        <v>84</v>
      </c>
      <c r="F339" s="217" t="s">
        <v>84</v>
      </c>
      <c r="G339" s="222" t="s">
        <v>84</v>
      </c>
    </row>
    <row r="340" spans="1:7" ht="26.25" thickBot="1" x14ac:dyDescent="0.25">
      <c r="A340" s="234" t="s">
        <v>580</v>
      </c>
      <c r="B340" s="218" t="s">
        <v>581</v>
      </c>
      <c r="C340" s="218" t="s">
        <v>9</v>
      </c>
      <c r="D340" s="223" t="s">
        <v>84</v>
      </c>
      <c r="E340" s="223" t="s">
        <v>84</v>
      </c>
      <c r="F340" s="223" t="s">
        <v>84</v>
      </c>
      <c r="G340" s="224" t="s">
        <v>84</v>
      </c>
    </row>
    <row r="341" spans="1:7" ht="50.25" thickBot="1" x14ac:dyDescent="0.25">
      <c r="A341" s="164" t="s">
        <v>597</v>
      </c>
      <c r="B341" s="231" t="s">
        <v>598</v>
      </c>
      <c r="C341" s="161" t="s">
        <v>605</v>
      </c>
      <c r="D341" s="165">
        <v>1</v>
      </c>
      <c r="E341" s="165">
        <v>20</v>
      </c>
      <c r="F341" s="165">
        <v>76.61</v>
      </c>
      <c r="G341" s="165" t="s">
        <v>606</v>
      </c>
    </row>
    <row r="342" spans="1:7" ht="26.25" thickBot="1" x14ac:dyDescent="0.25">
      <c r="A342" s="225" t="s">
        <v>597</v>
      </c>
      <c r="B342" s="157" t="s">
        <v>598</v>
      </c>
      <c r="C342" s="157" t="s">
        <v>607</v>
      </c>
      <c r="D342" s="226">
        <v>1</v>
      </c>
      <c r="E342" s="226" t="s">
        <v>84</v>
      </c>
      <c r="F342" s="226" t="s">
        <v>84</v>
      </c>
      <c r="G342" s="226" t="s">
        <v>84</v>
      </c>
    </row>
    <row r="343" spans="1:7" ht="26.25" thickBot="1" x14ac:dyDescent="0.25">
      <c r="A343" s="225" t="s">
        <v>597</v>
      </c>
      <c r="B343" s="157" t="s">
        <v>598</v>
      </c>
      <c r="C343" s="157" t="s">
        <v>608</v>
      </c>
      <c r="D343" s="226">
        <v>1</v>
      </c>
      <c r="E343" s="226" t="s">
        <v>84</v>
      </c>
      <c r="F343" s="226" t="s">
        <v>84</v>
      </c>
      <c r="G343" s="226" t="s">
        <v>84</v>
      </c>
    </row>
    <row r="344" spans="1:7" ht="26.25" thickBot="1" x14ac:dyDescent="0.25">
      <c r="A344" s="225" t="s">
        <v>597</v>
      </c>
      <c r="B344" s="157" t="s">
        <v>598</v>
      </c>
      <c r="C344" s="157" t="s">
        <v>609</v>
      </c>
      <c r="D344" s="226">
        <v>1</v>
      </c>
      <c r="E344" s="226" t="s">
        <v>84</v>
      </c>
      <c r="F344" s="226" t="s">
        <v>84</v>
      </c>
      <c r="G344" s="226" t="s">
        <v>84</v>
      </c>
    </row>
    <row r="345" spans="1:7" ht="26.25" thickBot="1" x14ac:dyDescent="0.25">
      <c r="A345" s="225" t="s">
        <v>597</v>
      </c>
      <c r="B345" s="157" t="s">
        <v>598</v>
      </c>
      <c r="C345" s="157" t="s">
        <v>610</v>
      </c>
      <c r="D345" s="226">
        <v>2</v>
      </c>
      <c r="E345" s="226" t="s">
        <v>84</v>
      </c>
      <c r="F345" s="226" t="s">
        <v>84</v>
      </c>
      <c r="G345" s="226" t="s">
        <v>84</v>
      </c>
    </row>
    <row r="346" spans="1:7" ht="26.25" thickBot="1" x14ac:dyDescent="0.25">
      <c r="A346" s="225" t="s">
        <v>597</v>
      </c>
      <c r="B346" s="157" t="s">
        <v>598</v>
      </c>
      <c r="C346" s="157" t="s">
        <v>611</v>
      </c>
      <c r="D346" s="226">
        <v>1</v>
      </c>
      <c r="E346" s="226" t="s">
        <v>84</v>
      </c>
      <c r="F346" s="226" t="s">
        <v>84</v>
      </c>
      <c r="G346" s="226" t="s">
        <v>84</v>
      </c>
    </row>
    <row r="347" spans="1:7" ht="26.25" thickBot="1" x14ac:dyDescent="0.25">
      <c r="A347" s="225" t="s">
        <v>597</v>
      </c>
      <c r="B347" s="157" t="s">
        <v>598</v>
      </c>
      <c r="C347" s="157" t="s">
        <v>612</v>
      </c>
      <c r="D347" s="226" t="s">
        <v>84</v>
      </c>
      <c r="E347" s="226" t="s">
        <v>84</v>
      </c>
      <c r="F347" s="226" t="s">
        <v>84</v>
      </c>
      <c r="G347" s="226" t="s">
        <v>84</v>
      </c>
    </row>
    <row r="348" spans="1:7" ht="51.75" thickBot="1" x14ac:dyDescent="0.25">
      <c r="A348" s="236" t="s">
        <v>613</v>
      </c>
      <c r="B348" s="235" t="s">
        <v>614</v>
      </c>
      <c r="C348" s="240" t="s">
        <v>617</v>
      </c>
      <c r="D348" s="515" t="s">
        <v>618</v>
      </c>
      <c r="E348" s="516"/>
      <c r="F348" s="516"/>
      <c r="G348" s="517"/>
    </row>
    <row r="349" spans="1:7" ht="51.75" thickBot="1" x14ac:dyDescent="0.25">
      <c r="A349" s="236" t="s">
        <v>613</v>
      </c>
      <c r="B349" s="235" t="s">
        <v>614</v>
      </c>
      <c r="C349" s="240" t="s">
        <v>619</v>
      </c>
      <c r="D349" s="515" t="s">
        <v>618</v>
      </c>
      <c r="E349" s="516"/>
      <c r="F349" s="516"/>
      <c r="G349" s="517"/>
    </row>
    <row r="350" spans="1:7" ht="51.75" thickBot="1" x14ac:dyDescent="0.25">
      <c r="A350" s="236" t="s">
        <v>613</v>
      </c>
      <c r="B350" s="235" t="s">
        <v>614</v>
      </c>
      <c r="C350" s="240" t="s">
        <v>620</v>
      </c>
      <c r="D350" s="515" t="s">
        <v>618</v>
      </c>
      <c r="E350" s="516"/>
      <c r="F350" s="516"/>
      <c r="G350" s="517"/>
    </row>
    <row r="351" spans="1:7" ht="51.75" thickBot="1" x14ac:dyDescent="0.25">
      <c r="A351" s="236" t="s">
        <v>613</v>
      </c>
      <c r="B351" s="235" t="s">
        <v>614</v>
      </c>
      <c r="C351" s="240" t="s">
        <v>621</v>
      </c>
      <c r="D351" s="518" t="s">
        <v>618</v>
      </c>
      <c r="E351" s="518"/>
      <c r="F351" s="518"/>
      <c r="G351" s="519"/>
    </row>
    <row r="352" spans="1:7" ht="51.75" thickBot="1" x14ac:dyDescent="0.25">
      <c r="A352" s="164" t="s">
        <v>613</v>
      </c>
      <c r="B352" s="235" t="s">
        <v>614</v>
      </c>
      <c r="C352" s="176" t="s">
        <v>622</v>
      </c>
      <c r="D352" s="518" t="s">
        <v>618</v>
      </c>
      <c r="E352" s="518"/>
      <c r="F352" s="518"/>
      <c r="G352" s="519"/>
    </row>
    <row r="353" spans="1:7" ht="51.75" thickBot="1" x14ac:dyDescent="0.25">
      <c r="A353" s="229" t="s">
        <v>613</v>
      </c>
      <c r="B353" s="235" t="s">
        <v>614</v>
      </c>
      <c r="C353" s="230" t="s">
        <v>623</v>
      </c>
      <c r="D353" s="518" t="s">
        <v>618</v>
      </c>
      <c r="E353" s="518"/>
      <c r="F353" s="518"/>
      <c r="G353" s="519"/>
    </row>
    <row r="354" spans="1:7" ht="51.75" thickBot="1" x14ac:dyDescent="0.25">
      <c r="A354" s="229" t="s">
        <v>613</v>
      </c>
      <c r="B354" s="235" t="s">
        <v>614</v>
      </c>
      <c r="C354" s="230" t="s">
        <v>624</v>
      </c>
      <c r="D354" s="518" t="s">
        <v>618</v>
      </c>
      <c r="E354" s="518"/>
      <c r="F354" s="518"/>
      <c r="G354" s="519"/>
    </row>
    <row r="355" spans="1:7" ht="51.75" thickBot="1" x14ac:dyDescent="0.25">
      <c r="A355" s="229" t="s">
        <v>613</v>
      </c>
      <c r="B355" s="235" t="s">
        <v>614</v>
      </c>
      <c r="C355" s="230" t="s">
        <v>625</v>
      </c>
      <c r="D355" s="518" t="s">
        <v>618</v>
      </c>
      <c r="E355" s="518"/>
      <c r="F355" s="518"/>
      <c r="G355" s="519"/>
    </row>
    <row r="356" spans="1:7" ht="26.25" thickBot="1" x14ac:dyDescent="0.25">
      <c r="A356" s="164" t="s">
        <v>626</v>
      </c>
      <c r="B356" s="161" t="s">
        <v>627</v>
      </c>
      <c r="C356" s="246" t="s">
        <v>634</v>
      </c>
      <c r="D356" s="165">
        <v>2</v>
      </c>
      <c r="E356" s="165">
        <v>18</v>
      </c>
      <c r="F356" s="247">
        <v>-41.32</v>
      </c>
      <c r="G356" s="165" t="s">
        <v>635</v>
      </c>
    </row>
    <row r="357" spans="1:7" ht="26.25" thickBot="1" x14ac:dyDescent="0.25">
      <c r="A357" s="241" t="s">
        <v>626</v>
      </c>
      <c r="B357" s="157" t="s">
        <v>627</v>
      </c>
      <c r="C357" s="248" t="s">
        <v>416</v>
      </c>
      <c r="D357" s="242">
        <v>1</v>
      </c>
      <c r="E357" s="242">
        <v>20</v>
      </c>
      <c r="F357" s="249">
        <v>-22.73</v>
      </c>
      <c r="G357" s="242" t="s">
        <v>636</v>
      </c>
    </row>
    <row r="358" spans="1:7" ht="26.25" thickBot="1" x14ac:dyDescent="0.25">
      <c r="A358" s="241" t="s">
        <v>626</v>
      </c>
      <c r="B358" s="157" t="s">
        <v>627</v>
      </c>
      <c r="C358" s="248" t="s">
        <v>637</v>
      </c>
      <c r="D358" s="242">
        <v>2</v>
      </c>
      <c r="E358" s="242">
        <v>18</v>
      </c>
      <c r="F358" s="249">
        <v>-78.099999999999994</v>
      </c>
      <c r="G358" s="242" t="s">
        <v>638</v>
      </c>
    </row>
    <row r="359" spans="1:7" ht="39" thickBot="1" x14ac:dyDescent="0.25">
      <c r="A359" s="241" t="s">
        <v>626</v>
      </c>
      <c r="B359" s="157" t="s">
        <v>627</v>
      </c>
      <c r="C359" s="248" t="s">
        <v>639</v>
      </c>
      <c r="D359" s="242">
        <v>1</v>
      </c>
      <c r="E359" s="242">
        <v>20</v>
      </c>
      <c r="F359" s="249">
        <v>13.61</v>
      </c>
      <c r="G359" s="242" t="s">
        <v>640</v>
      </c>
    </row>
    <row r="360" spans="1:7" ht="26.25" thickBot="1" x14ac:dyDescent="0.25">
      <c r="A360" s="241" t="s">
        <v>626</v>
      </c>
      <c r="B360" s="157" t="s">
        <v>627</v>
      </c>
      <c r="C360" s="248" t="s">
        <v>641</v>
      </c>
      <c r="D360" s="242">
        <v>2</v>
      </c>
      <c r="E360" s="242">
        <v>18</v>
      </c>
      <c r="F360" s="249">
        <v>14.27</v>
      </c>
      <c r="G360" s="242" t="s">
        <v>642</v>
      </c>
    </row>
    <row r="361" spans="1:7" ht="26.25" thickBot="1" x14ac:dyDescent="0.25">
      <c r="A361" s="241" t="s">
        <v>626</v>
      </c>
      <c r="B361" s="157" t="s">
        <v>627</v>
      </c>
      <c r="C361" s="248" t="s">
        <v>643</v>
      </c>
      <c r="D361" s="242">
        <v>2</v>
      </c>
      <c r="E361" s="242">
        <v>18</v>
      </c>
      <c r="F361" s="249">
        <v>-57.54</v>
      </c>
      <c r="G361" s="242" t="s">
        <v>644</v>
      </c>
    </row>
    <row r="362" spans="1:7" ht="26.25" thickBot="1" x14ac:dyDescent="0.25">
      <c r="A362" s="241" t="s">
        <v>626</v>
      </c>
      <c r="B362" s="157" t="s">
        <v>627</v>
      </c>
      <c r="C362" s="248" t="s">
        <v>645</v>
      </c>
      <c r="D362" s="242">
        <v>2</v>
      </c>
      <c r="E362" s="242">
        <v>18</v>
      </c>
      <c r="F362" s="249">
        <v>-91.89</v>
      </c>
      <c r="G362" s="242" t="s">
        <v>646</v>
      </c>
    </row>
    <row r="363" spans="1:7" ht="26.25" thickBot="1" x14ac:dyDescent="0.25">
      <c r="A363" s="241" t="s">
        <v>626</v>
      </c>
      <c r="B363" s="157" t="s">
        <v>627</v>
      </c>
      <c r="C363" s="157" t="s">
        <v>647</v>
      </c>
      <c r="D363" s="242">
        <v>1</v>
      </c>
      <c r="E363" s="242" t="s">
        <v>84</v>
      </c>
      <c r="F363" s="242" t="s">
        <v>84</v>
      </c>
      <c r="G363" s="242" t="s">
        <v>84</v>
      </c>
    </row>
    <row r="364" spans="1:7" ht="26.25" thickBot="1" x14ac:dyDescent="0.25">
      <c r="A364" s="241" t="s">
        <v>626</v>
      </c>
      <c r="B364" s="157" t="s">
        <v>627</v>
      </c>
      <c r="C364" s="157" t="s">
        <v>648</v>
      </c>
      <c r="D364" s="242">
        <v>2</v>
      </c>
      <c r="E364" s="242" t="s">
        <v>84</v>
      </c>
      <c r="F364" s="242" t="s">
        <v>84</v>
      </c>
      <c r="G364" s="242" t="s">
        <v>84</v>
      </c>
    </row>
    <row r="365" spans="1:7" ht="26.25" thickBot="1" x14ac:dyDescent="0.25">
      <c r="A365" s="241" t="s">
        <v>626</v>
      </c>
      <c r="B365" s="157" t="s">
        <v>627</v>
      </c>
      <c r="C365" s="157" t="s">
        <v>649</v>
      </c>
      <c r="D365" s="242">
        <v>2</v>
      </c>
      <c r="E365" s="242" t="s">
        <v>84</v>
      </c>
      <c r="F365" s="242" t="s">
        <v>84</v>
      </c>
      <c r="G365" s="242" t="s">
        <v>84</v>
      </c>
    </row>
    <row r="366" spans="1:7" ht="26.25" thickBot="1" x14ac:dyDescent="0.25">
      <c r="A366" s="241" t="s">
        <v>626</v>
      </c>
      <c r="B366" s="157" t="s">
        <v>627</v>
      </c>
      <c r="C366" s="157" t="s">
        <v>650</v>
      </c>
      <c r="D366" s="242">
        <v>1</v>
      </c>
      <c r="E366" s="242" t="s">
        <v>84</v>
      </c>
      <c r="F366" s="242" t="s">
        <v>84</v>
      </c>
      <c r="G366" s="242" t="s">
        <v>84</v>
      </c>
    </row>
    <row r="367" spans="1:7" ht="26.25" thickBot="1" x14ac:dyDescent="0.25">
      <c r="A367" s="241" t="s">
        <v>626</v>
      </c>
      <c r="B367" s="157" t="s">
        <v>627</v>
      </c>
      <c r="C367" s="157" t="s">
        <v>651</v>
      </c>
      <c r="D367" s="242">
        <v>1</v>
      </c>
      <c r="E367" s="242" t="s">
        <v>84</v>
      </c>
      <c r="F367" s="242" t="s">
        <v>84</v>
      </c>
      <c r="G367" s="242" t="s">
        <v>84</v>
      </c>
    </row>
    <row r="368" spans="1:7" ht="26.25" thickBot="1" x14ac:dyDescent="0.25">
      <c r="A368" s="241" t="s">
        <v>626</v>
      </c>
      <c r="B368" s="157" t="s">
        <v>627</v>
      </c>
      <c r="C368" s="157" t="s">
        <v>652</v>
      </c>
      <c r="D368" s="242">
        <v>1</v>
      </c>
      <c r="E368" s="242" t="s">
        <v>84</v>
      </c>
      <c r="F368" s="242" t="s">
        <v>84</v>
      </c>
      <c r="G368" s="242" t="s">
        <v>84</v>
      </c>
    </row>
    <row r="369" spans="1:7" ht="26.25" thickBot="1" x14ac:dyDescent="0.25">
      <c r="A369" s="241" t="s">
        <v>626</v>
      </c>
      <c r="B369" s="157" t="s">
        <v>627</v>
      </c>
      <c r="C369" s="157" t="s">
        <v>653</v>
      </c>
      <c r="D369" s="242">
        <v>1</v>
      </c>
      <c r="E369" s="242" t="s">
        <v>84</v>
      </c>
      <c r="F369" s="242" t="s">
        <v>84</v>
      </c>
      <c r="G369" s="242" t="s">
        <v>84</v>
      </c>
    </row>
    <row r="370" spans="1:7" ht="26.25" thickBot="1" x14ac:dyDescent="0.25">
      <c r="A370" s="250" t="s">
        <v>626</v>
      </c>
      <c r="B370" s="156" t="s">
        <v>627</v>
      </c>
      <c r="C370" s="156" t="s">
        <v>654</v>
      </c>
      <c r="D370" s="251">
        <v>4</v>
      </c>
      <c r="E370" s="251" t="s">
        <v>84</v>
      </c>
      <c r="F370" s="251" t="s">
        <v>84</v>
      </c>
      <c r="G370" s="251" t="s">
        <v>84</v>
      </c>
    </row>
    <row r="371" spans="1:7" ht="15" customHeight="1" x14ac:dyDescent="0.2">
      <c r="A371" s="509" t="s">
        <v>655</v>
      </c>
      <c r="B371" s="512" t="s">
        <v>658</v>
      </c>
      <c r="C371" s="260" t="s">
        <v>659</v>
      </c>
      <c r="D371" s="265"/>
      <c r="E371" s="265" t="s">
        <v>84</v>
      </c>
      <c r="F371" s="269" t="s">
        <v>84</v>
      </c>
      <c r="G371" s="265" t="s">
        <v>84</v>
      </c>
    </row>
    <row r="372" spans="1:7" x14ac:dyDescent="0.2">
      <c r="A372" s="510"/>
      <c r="B372" s="513"/>
      <c r="C372" s="261" t="s">
        <v>660</v>
      </c>
      <c r="D372" s="266"/>
      <c r="E372" s="266" t="s">
        <v>84</v>
      </c>
      <c r="F372" s="270" t="s">
        <v>84</v>
      </c>
      <c r="G372" s="266" t="s">
        <v>84</v>
      </c>
    </row>
    <row r="373" spans="1:7" x14ac:dyDescent="0.2">
      <c r="A373" s="510"/>
      <c r="B373" s="513"/>
      <c r="C373" s="262" t="s">
        <v>661</v>
      </c>
      <c r="D373" s="267"/>
      <c r="E373" s="266" t="s">
        <v>84</v>
      </c>
      <c r="F373" s="270" t="s">
        <v>84</v>
      </c>
      <c r="G373" s="266" t="s">
        <v>84</v>
      </c>
    </row>
    <row r="374" spans="1:7" x14ac:dyDescent="0.2">
      <c r="A374" s="510"/>
      <c r="B374" s="513"/>
      <c r="C374" s="263" t="s">
        <v>662</v>
      </c>
      <c r="D374" s="267"/>
      <c r="E374" s="267" t="s">
        <v>84</v>
      </c>
      <c r="F374" s="271" t="s">
        <v>84</v>
      </c>
      <c r="G374" s="266" t="s">
        <v>84</v>
      </c>
    </row>
    <row r="375" spans="1:7" x14ac:dyDescent="0.2">
      <c r="A375" s="510"/>
      <c r="B375" s="513"/>
      <c r="C375" s="263" t="s">
        <v>663</v>
      </c>
      <c r="D375" s="267"/>
      <c r="E375" s="267" t="s">
        <v>84</v>
      </c>
      <c r="F375" s="271" t="s">
        <v>84</v>
      </c>
      <c r="G375" s="266" t="s">
        <v>84</v>
      </c>
    </row>
    <row r="376" spans="1:7" x14ac:dyDescent="0.2">
      <c r="A376" s="510"/>
      <c r="B376" s="513"/>
      <c r="C376" s="263" t="s">
        <v>664</v>
      </c>
      <c r="D376" s="267"/>
      <c r="E376" s="267" t="s">
        <v>84</v>
      </c>
      <c r="F376" s="271" t="s">
        <v>84</v>
      </c>
      <c r="G376" s="266" t="s">
        <v>84</v>
      </c>
    </row>
    <row r="377" spans="1:7" x14ac:dyDescent="0.2">
      <c r="A377" s="510"/>
      <c r="B377" s="513"/>
      <c r="C377" s="263" t="s">
        <v>665</v>
      </c>
      <c r="D377" s="267"/>
      <c r="E377" s="267" t="s">
        <v>84</v>
      </c>
      <c r="F377" s="271" t="s">
        <v>84</v>
      </c>
      <c r="G377" s="266" t="s">
        <v>84</v>
      </c>
    </row>
    <row r="378" spans="1:7" x14ac:dyDescent="0.2">
      <c r="A378" s="510"/>
      <c r="B378" s="513"/>
      <c r="C378" s="263" t="s">
        <v>666</v>
      </c>
      <c r="D378" s="267"/>
      <c r="E378" s="267" t="s">
        <v>84</v>
      </c>
      <c r="F378" s="271" t="s">
        <v>84</v>
      </c>
      <c r="G378" s="266" t="s">
        <v>84</v>
      </c>
    </row>
    <row r="379" spans="1:7" ht="13.5" thickBot="1" x14ac:dyDescent="0.25">
      <c r="A379" s="511"/>
      <c r="B379" s="514"/>
      <c r="C379" s="264" t="s">
        <v>667</v>
      </c>
      <c r="D379" s="268"/>
      <c r="E379" s="268" t="s">
        <v>84</v>
      </c>
      <c r="F379" s="272" t="s">
        <v>84</v>
      </c>
      <c r="G379" s="273" t="s">
        <v>84</v>
      </c>
    </row>
    <row r="380" spans="1:7" x14ac:dyDescent="0.2">
      <c r="A380" s="446" t="s">
        <v>876</v>
      </c>
      <c r="B380" s="446" t="s">
        <v>912</v>
      </c>
      <c r="C380" s="312" t="s">
        <v>877</v>
      </c>
      <c r="D380" s="459">
        <v>1</v>
      </c>
      <c r="E380" s="339" t="s">
        <v>84</v>
      </c>
      <c r="F380" s="339" t="s">
        <v>84</v>
      </c>
      <c r="G380" s="339" t="s">
        <v>84</v>
      </c>
    </row>
    <row r="381" spans="1:7" ht="15.75" customHeight="1" thickBot="1" x14ac:dyDescent="0.25">
      <c r="A381" s="447"/>
      <c r="B381" s="447"/>
      <c r="C381" s="314"/>
      <c r="D381" s="460"/>
      <c r="E381" s="341"/>
      <c r="F381" s="341"/>
      <c r="G381" s="341"/>
    </row>
    <row r="382" spans="1:7" ht="15" customHeight="1" x14ac:dyDescent="0.2">
      <c r="A382" s="447"/>
      <c r="B382" s="447"/>
      <c r="C382" s="312" t="s">
        <v>878</v>
      </c>
      <c r="D382" s="459">
        <v>1</v>
      </c>
      <c r="E382" s="339" t="s">
        <v>84</v>
      </c>
      <c r="F382" s="339" t="s">
        <v>84</v>
      </c>
      <c r="G382" s="339" t="s">
        <v>84</v>
      </c>
    </row>
    <row r="383" spans="1:7" ht="15.75" customHeight="1" thickBot="1" x14ac:dyDescent="0.25">
      <c r="A383" s="447"/>
      <c r="B383" s="447"/>
      <c r="C383" s="314"/>
      <c r="D383" s="460"/>
      <c r="E383" s="341"/>
      <c r="F383" s="341"/>
      <c r="G383" s="341"/>
    </row>
    <row r="384" spans="1:7" ht="15" customHeight="1" x14ac:dyDescent="0.2">
      <c r="A384" s="447"/>
      <c r="B384" s="447"/>
      <c r="C384" s="312" t="s">
        <v>879</v>
      </c>
      <c r="D384" s="459">
        <v>1</v>
      </c>
      <c r="E384" s="339" t="s">
        <v>84</v>
      </c>
      <c r="F384" s="339" t="s">
        <v>84</v>
      </c>
      <c r="G384" s="339" t="s">
        <v>84</v>
      </c>
    </row>
    <row r="385" spans="1:7" ht="15.75" customHeight="1" thickBot="1" x14ac:dyDescent="0.25">
      <c r="A385" s="447"/>
      <c r="B385" s="447"/>
      <c r="C385" s="314"/>
      <c r="D385" s="460"/>
      <c r="E385" s="341"/>
      <c r="F385" s="341"/>
      <c r="G385" s="341"/>
    </row>
    <row r="386" spans="1:7" ht="15" customHeight="1" x14ac:dyDescent="0.2">
      <c r="A386" s="447"/>
      <c r="B386" s="447"/>
      <c r="C386" s="312" t="s">
        <v>880</v>
      </c>
      <c r="D386" s="459">
        <v>1</v>
      </c>
      <c r="E386" s="339" t="s">
        <v>84</v>
      </c>
      <c r="F386" s="339" t="s">
        <v>84</v>
      </c>
      <c r="G386" s="339" t="s">
        <v>84</v>
      </c>
    </row>
    <row r="387" spans="1:7" ht="15.75" customHeight="1" thickBot="1" x14ac:dyDescent="0.25">
      <c r="A387" s="447"/>
      <c r="B387" s="447"/>
      <c r="C387" s="314"/>
      <c r="D387" s="460"/>
      <c r="E387" s="341"/>
      <c r="F387" s="341"/>
      <c r="G387" s="341"/>
    </row>
    <row r="388" spans="1:7" ht="15" customHeight="1" x14ac:dyDescent="0.2">
      <c r="A388" s="447"/>
      <c r="B388" s="447"/>
      <c r="C388" s="312" t="s">
        <v>881</v>
      </c>
      <c r="D388" s="459">
        <v>1</v>
      </c>
      <c r="E388" s="339" t="s">
        <v>84</v>
      </c>
      <c r="F388" s="339" t="s">
        <v>84</v>
      </c>
      <c r="G388" s="339" t="s">
        <v>84</v>
      </c>
    </row>
    <row r="389" spans="1:7" ht="15.75" customHeight="1" thickBot="1" x14ac:dyDescent="0.25">
      <c r="A389" s="447"/>
      <c r="B389" s="447"/>
      <c r="C389" s="314"/>
      <c r="D389" s="460"/>
      <c r="E389" s="341"/>
      <c r="F389" s="341"/>
      <c r="G389" s="341"/>
    </row>
    <row r="390" spans="1:7" ht="15" customHeight="1" x14ac:dyDescent="0.2">
      <c r="A390" s="447"/>
      <c r="B390" s="447"/>
      <c r="C390" s="312" t="s">
        <v>882</v>
      </c>
      <c r="D390" s="459">
        <v>1</v>
      </c>
      <c r="E390" s="339" t="s">
        <v>84</v>
      </c>
      <c r="F390" s="339" t="s">
        <v>84</v>
      </c>
      <c r="G390" s="339" t="s">
        <v>84</v>
      </c>
    </row>
    <row r="391" spans="1:7" ht="15.75" customHeight="1" thickBot="1" x14ac:dyDescent="0.25">
      <c r="A391" s="447"/>
      <c r="B391" s="447"/>
      <c r="C391" s="314"/>
      <c r="D391" s="460"/>
      <c r="E391" s="341"/>
      <c r="F391" s="341"/>
      <c r="G391" s="341"/>
    </row>
    <row r="392" spans="1:7" ht="15" customHeight="1" x14ac:dyDescent="0.2">
      <c r="A392" s="447"/>
      <c r="B392" s="447"/>
      <c r="C392" s="312" t="s">
        <v>883</v>
      </c>
      <c r="D392" s="459">
        <v>1</v>
      </c>
      <c r="E392" s="339" t="s">
        <v>84</v>
      </c>
      <c r="F392" s="339" t="s">
        <v>84</v>
      </c>
      <c r="G392" s="339" t="s">
        <v>84</v>
      </c>
    </row>
    <row r="393" spans="1:7" ht="15.75" customHeight="1" thickBot="1" x14ac:dyDescent="0.25">
      <c r="A393" s="447"/>
      <c r="B393" s="447"/>
      <c r="C393" s="314"/>
      <c r="D393" s="460"/>
      <c r="E393" s="341"/>
      <c r="F393" s="341"/>
      <c r="G393" s="341"/>
    </row>
    <row r="394" spans="1:7" ht="15" customHeight="1" x14ac:dyDescent="0.2">
      <c r="A394" s="447"/>
      <c r="B394" s="447"/>
      <c r="C394" s="312" t="s">
        <v>884</v>
      </c>
      <c r="D394" s="459">
        <v>1</v>
      </c>
      <c r="E394" s="339" t="s">
        <v>84</v>
      </c>
      <c r="F394" s="339" t="s">
        <v>84</v>
      </c>
      <c r="G394" s="339" t="s">
        <v>84</v>
      </c>
    </row>
    <row r="395" spans="1:7" ht="15.75" customHeight="1" thickBot="1" x14ac:dyDescent="0.25">
      <c r="A395" s="447"/>
      <c r="B395" s="447"/>
      <c r="C395" s="314"/>
      <c r="D395" s="460"/>
      <c r="E395" s="341"/>
      <c r="F395" s="341"/>
      <c r="G395" s="341"/>
    </row>
    <row r="396" spans="1:7" ht="15" customHeight="1" x14ac:dyDescent="0.2">
      <c r="A396" s="447"/>
      <c r="B396" s="447"/>
      <c r="C396" s="312" t="s">
        <v>885</v>
      </c>
      <c r="D396" s="459">
        <v>1</v>
      </c>
      <c r="E396" s="339" t="s">
        <v>84</v>
      </c>
      <c r="F396" s="339" t="s">
        <v>84</v>
      </c>
      <c r="G396" s="339" t="s">
        <v>84</v>
      </c>
    </row>
    <row r="397" spans="1:7" ht="15.75" customHeight="1" thickBot="1" x14ac:dyDescent="0.25">
      <c r="A397" s="447"/>
      <c r="B397" s="447"/>
      <c r="C397" s="314"/>
      <c r="D397" s="460"/>
      <c r="E397" s="341"/>
      <c r="F397" s="341"/>
      <c r="G397" s="341"/>
    </row>
    <row r="398" spans="1:7" ht="15" customHeight="1" x14ac:dyDescent="0.2">
      <c r="A398" s="447"/>
      <c r="B398" s="447"/>
      <c r="C398" s="312" t="s">
        <v>886</v>
      </c>
      <c r="D398" s="459">
        <v>1</v>
      </c>
      <c r="E398" s="339" t="s">
        <v>84</v>
      </c>
      <c r="F398" s="339" t="s">
        <v>84</v>
      </c>
      <c r="G398" s="339" t="s">
        <v>84</v>
      </c>
    </row>
    <row r="399" spans="1:7" ht="15.75" customHeight="1" thickBot="1" x14ac:dyDescent="0.25">
      <c r="A399" s="447"/>
      <c r="B399" s="447"/>
      <c r="C399" s="314"/>
      <c r="D399" s="460"/>
      <c r="E399" s="341"/>
      <c r="F399" s="341"/>
      <c r="G399" s="341"/>
    </row>
    <row r="400" spans="1:7" ht="15" customHeight="1" x14ac:dyDescent="0.2">
      <c r="A400" s="447"/>
      <c r="B400" s="447"/>
      <c r="C400" s="312" t="s">
        <v>887</v>
      </c>
      <c r="D400" s="459">
        <v>1</v>
      </c>
      <c r="E400" s="339" t="s">
        <v>84</v>
      </c>
      <c r="F400" s="339" t="s">
        <v>84</v>
      </c>
      <c r="G400" s="339" t="s">
        <v>84</v>
      </c>
    </row>
    <row r="401" spans="1:7" ht="15.75" customHeight="1" thickBot="1" x14ac:dyDescent="0.25">
      <c r="A401" s="447"/>
      <c r="B401" s="447"/>
      <c r="C401" s="314"/>
      <c r="D401" s="460"/>
      <c r="E401" s="341"/>
      <c r="F401" s="341"/>
      <c r="G401" s="341"/>
    </row>
    <row r="402" spans="1:7" ht="15" customHeight="1" x14ac:dyDescent="0.2">
      <c r="A402" s="447"/>
      <c r="B402" s="447"/>
      <c r="C402" s="312" t="s">
        <v>888</v>
      </c>
      <c r="D402" s="459">
        <v>2</v>
      </c>
      <c r="E402" s="339" t="s">
        <v>84</v>
      </c>
      <c r="F402" s="339" t="s">
        <v>84</v>
      </c>
      <c r="G402" s="339" t="s">
        <v>84</v>
      </c>
    </row>
    <row r="403" spans="1:7" ht="15.75" customHeight="1" thickBot="1" x14ac:dyDescent="0.25">
      <c r="A403" s="447"/>
      <c r="B403" s="447"/>
      <c r="C403" s="314"/>
      <c r="D403" s="460"/>
      <c r="E403" s="341"/>
      <c r="F403" s="341"/>
      <c r="G403" s="341"/>
    </row>
    <row r="404" spans="1:7" ht="15" customHeight="1" x14ac:dyDescent="0.2">
      <c r="A404" s="447"/>
      <c r="B404" s="447"/>
      <c r="C404" s="312" t="s">
        <v>889</v>
      </c>
      <c r="D404" s="459">
        <v>1</v>
      </c>
      <c r="E404" s="339" t="s">
        <v>84</v>
      </c>
      <c r="F404" s="339" t="s">
        <v>84</v>
      </c>
      <c r="G404" s="339" t="s">
        <v>84</v>
      </c>
    </row>
    <row r="405" spans="1:7" ht="15.75" customHeight="1" thickBot="1" x14ac:dyDescent="0.25">
      <c r="A405" s="447"/>
      <c r="B405" s="447"/>
      <c r="C405" s="314"/>
      <c r="D405" s="460"/>
      <c r="E405" s="341"/>
      <c r="F405" s="341"/>
      <c r="G405" s="341"/>
    </row>
    <row r="406" spans="1:7" ht="15" customHeight="1" x14ac:dyDescent="0.2">
      <c r="A406" s="447"/>
      <c r="B406" s="447"/>
      <c r="C406" s="312" t="s">
        <v>890</v>
      </c>
      <c r="D406" s="459">
        <v>1</v>
      </c>
      <c r="E406" s="339" t="s">
        <v>84</v>
      </c>
      <c r="F406" s="339" t="s">
        <v>84</v>
      </c>
      <c r="G406" s="339" t="s">
        <v>84</v>
      </c>
    </row>
    <row r="407" spans="1:7" ht="15.75" customHeight="1" thickBot="1" x14ac:dyDescent="0.25">
      <c r="A407" s="447"/>
      <c r="B407" s="447"/>
      <c r="C407" s="314"/>
      <c r="D407" s="460"/>
      <c r="E407" s="341"/>
      <c r="F407" s="341"/>
      <c r="G407" s="341"/>
    </row>
    <row r="408" spans="1:7" ht="15" customHeight="1" x14ac:dyDescent="0.2">
      <c r="A408" s="447"/>
      <c r="B408" s="447"/>
      <c r="C408" s="312" t="s">
        <v>891</v>
      </c>
      <c r="D408" s="459">
        <v>4</v>
      </c>
      <c r="E408" s="339" t="s">
        <v>84</v>
      </c>
      <c r="F408" s="339" t="s">
        <v>84</v>
      </c>
      <c r="G408" s="339" t="s">
        <v>84</v>
      </c>
    </row>
    <row r="409" spans="1:7" ht="15.75" customHeight="1" thickBot="1" x14ac:dyDescent="0.25">
      <c r="A409" s="447"/>
      <c r="B409" s="447"/>
      <c r="C409" s="314"/>
      <c r="D409" s="460"/>
      <c r="E409" s="341"/>
      <c r="F409" s="341"/>
      <c r="G409" s="341"/>
    </row>
    <row r="410" spans="1:7" ht="15" customHeight="1" x14ac:dyDescent="0.2">
      <c r="A410" s="447"/>
      <c r="B410" s="447"/>
      <c r="C410" s="312" t="s">
        <v>892</v>
      </c>
      <c r="D410" s="459">
        <v>1</v>
      </c>
      <c r="E410" s="339" t="s">
        <v>84</v>
      </c>
      <c r="F410" s="339" t="s">
        <v>84</v>
      </c>
      <c r="G410" s="339" t="s">
        <v>84</v>
      </c>
    </row>
    <row r="411" spans="1:7" ht="15.75" customHeight="1" thickBot="1" x14ac:dyDescent="0.25">
      <c r="A411" s="447"/>
      <c r="B411" s="447"/>
      <c r="C411" s="314"/>
      <c r="D411" s="460"/>
      <c r="E411" s="341"/>
      <c r="F411" s="341"/>
      <c r="G411" s="341"/>
    </row>
    <row r="412" spans="1:7" ht="15" customHeight="1" x14ac:dyDescent="0.2">
      <c r="A412" s="447"/>
      <c r="B412" s="447"/>
      <c r="C412" s="312" t="s">
        <v>893</v>
      </c>
      <c r="D412" s="459">
        <v>1</v>
      </c>
      <c r="E412" s="339" t="s">
        <v>84</v>
      </c>
      <c r="F412" s="339" t="s">
        <v>84</v>
      </c>
      <c r="G412" s="339" t="s">
        <v>84</v>
      </c>
    </row>
    <row r="413" spans="1:7" ht="15.75" customHeight="1" thickBot="1" x14ac:dyDescent="0.25">
      <c r="A413" s="447"/>
      <c r="B413" s="447"/>
      <c r="C413" s="314"/>
      <c r="D413" s="460"/>
      <c r="E413" s="341"/>
      <c r="F413" s="341"/>
      <c r="G413" s="341"/>
    </row>
    <row r="414" spans="1:7" ht="15" customHeight="1" x14ac:dyDescent="0.2">
      <c r="A414" s="447"/>
      <c r="B414" s="447"/>
      <c r="C414" s="312" t="s">
        <v>894</v>
      </c>
      <c r="D414" s="459">
        <v>1</v>
      </c>
      <c r="E414" s="339" t="s">
        <v>84</v>
      </c>
      <c r="F414" s="339" t="s">
        <v>84</v>
      </c>
      <c r="G414" s="339" t="s">
        <v>84</v>
      </c>
    </row>
    <row r="415" spans="1:7" ht="15.75" customHeight="1" thickBot="1" x14ac:dyDescent="0.25">
      <c r="A415" s="447"/>
      <c r="B415" s="447"/>
      <c r="C415" s="314"/>
      <c r="D415" s="460"/>
      <c r="E415" s="341"/>
      <c r="F415" s="341"/>
      <c r="G415" s="341"/>
    </row>
    <row r="416" spans="1:7" ht="15" customHeight="1" x14ac:dyDescent="0.2">
      <c r="A416" s="447"/>
      <c r="B416" s="447"/>
      <c r="C416" s="312" t="s">
        <v>895</v>
      </c>
      <c r="D416" s="459">
        <v>1</v>
      </c>
      <c r="E416" s="339" t="s">
        <v>84</v>
      </c>
      <c r="F416" s="339" t="s">
        <v>84</v>
      </c>
      <c r="G416" s="339" t="s">
        <v>84</v>
      </c>
    </row>
    <row r="417" spans="1:7" ht="15.75" customHeight="1" thickBot="1" x14ac:dyDescent="0.25">
      <c r="A417" s="447"/>
      <c r="B417" s="447"/>
      <c r="C417" s="314"/>
      <c r="D417" s="460"/>
      <c r="E417" s="341"/>
      <c r="F417" s="341"/>
      <c r="G417" s="341"/>
    </row>
    <row r="418" spans="1:7" ht="15" customHeight="1" x14ac:dyDescent="0.2">
      <c r="A418" s="447"/>
      <c r="B418" s="447"/>
      <c r="C418" s="312" t="s">
        <v>896</v>
      </c>
      <c r="D418" s="459">
        <v>1</v>
      </c>
      <c r="E418" s="339" t="s">
        <v>84</v>
      </c>
      <c r="F418" s="339" t="s">
        <v>84</v>
      </c>
      <c r="G418" s="339" t="s">
        <v>84</v>
      </c>
    </row>
    <row r="419" spans="1:7" ht="15.75" customHeight="1" thickBot="1" x14ac:dyDescent="0.25">
      <c r="A419" s="447"/>
      <c r="B419" s="447"/>
      <c r="C419" s="314"/>
      <c r="D419" s="460"/>
      <c r="E419" s="341"/>
      <c r="F419" s="341"/>
      <c r="G419" s="341"/>
    </row>
    <row r="420" spans="1:7" ht="15" customHeight="1" x14ac:dyDescent="0.2">
      <c r="A420" s="447"/>
      <c r="B420" s="447"/>
      <c r="C420" s="312" t="s">
        <v>897</v>
      </c>
      <c r="D420" s="459">
        <v>1</v>
      </c>
      <c r="E420" s="339" t="s">
        <v>84</v>
      </c>
      <c r="F420" s="339" t="s">
        <v>84</v>
      </c>
      <c r="G420" s="339" t="s">
        <v>84</v>
      </c>
    </row>
    <row r="421" spans="1:7" ht="15.75" customHeight="1" thickBot="1" x14ac:dyDescent="0.25">
      <c r="A421" s="447"/>
      <c r="B421" s="447"/>
      <c r="C421" s="314"/>
      <c r="D421" s="460"/>
      <c r="E421" s="341"/>
      <c r="F421" s="341"/>
      <c r="G421" s="341"/>
    </row>
    <row r="422" spans="1:7" ht="15" customHeight="1" x14ac:dyDescent="0.2">
      <c r="A422" s="447"/>
      <c r="B422" s="447"/>
      <c r="C422" s="312" t="s">
        <v>898</v>
      </c>
      <c r="D422" s="459">
        <v>1</v>
      </c>
      <c r="E422" s="339" t="s">
        <v>84</v>
      </c>
      <c r="F422" s="339" t="s">
        <v>84</v>
      </c>
      <c r="G422" s="339" t="s">
        <v>84</v>
      </c>
    </row>
    <row r="423" spans="1:7" ht="15.75" customHeight="1" thickBot="1" x14ac:dyDescent="0.25">
      <c r="A423" s="447"/>
      <c r="B423" s="447"/>
      <c r="C423" s="314"/>
      <c r="D423" s="460"/>
      <c r="E423" s="341"/>
      <c r="F423" s="341"/>
      <c r="G423" s="341"/>
    </row>
    <row r="424" spans="1:7" ht="15" customHeight="1" x14ac:dyDescent="0.2">
      <c r="A424" s="447"/>
      <c r="B424" s="447"/>
      <c r="C424" s="312" t="s">
        <v>899</v>
      </c>
      <c r="D424" s="459">
        <v>1</v>
      </c>
      <c r="E424" s="339" t="s">
        <v>84</v>
      </c>
      <c r="F424" s="339" t="s">
        <v>84</v>
      </c>
      <c r="G424" s="339" t="s">
        <v>84</v>
      </c>
    </row>
    <row r="425" spans="1:7" ht="15.75" customHeight="1" thickBot="1" x14ac:dyDescent="0.25">
      <c r="A425" s="447"/>
      <c r="B425" s="447"/>
      <c r="C425" s="314"/>
      <c r="D425" s="460"/>
      <c r="E425" s="341"/>
      <c r="F425" s="341"/>
      <c r="G425" s="341"/>
    </row>
    <row r="426" spans="1:7" ht="15" customHeight="1" x14ac:dyDescent="0.2">
      <c r="A426" s="447"/>
      <c r="B426" s="447"/>
      <c r="C426" s="312" t="s">
        <v>900</v>
      </c>
      <c r="D426" s="459">
        <v>1</v>
      </c>
      <c r="E426" s="339" t="s">
        <v>84</v>
      </c>
      <c r="F426" s="339" t="s">
        <v>84</v>
      </c>
      <c r="G426" s="339" t="s">
        <v>84</v>
      </c>
    </row>
    <row r="427" spans="1:7" ht="15.75" customHeight="1" thickBot="1" x14ac:dyDescent="0.25">
      <c r="A427" s="447"/>
      <c r="B427" s="447"/>
      <c r="C427" s="314"/>
      <c r="D427" s="460"/>
      <c r="E427" s="341"/>
      <c r="F427" s="341"/>
      <c r="G427" s="341"/>
    </row>
    <row r="428" spans="1:7" ht="15" customHeight="1" x14ac:dyDescent="0.2">
      <c r="A428" s="447"/>
      <c r="B428" s="447"/>
      <c r="C428" s="312" t="s">
        <v>901</v>
      </c>
      <c r="D428" s="459">
        <v>1</v>
      </c>
      <c r="E428" s="339" t="s">
        <v>84</v>
      </c>
      <c r="F428" s="339" t="s">
        <v>84</v>
      </c>
      <c r="G428" s="339" t="s">
        <v>84</v>
      </c>
    </row>
    <row r="429" spans="1:7" ht="15.75" customHeight="1" thickBot="1" x14ac:dyDescent="0.25">
      <c r="A429" s="447"/>
      <c r="B429" s="447"/>
      <c r="C429" s="314"/>
      <c r="D429" s="460"/>
      <c r="E429" s="341"/>
      <c r="F429" s="341"/>
      <c r="G429" s="341"/>
    </row>
    <row r="430" spans="1:7" ht="15" customHeight="1" x14ac:dyDescent="0.2">
      <c r="A430" s="447"/>
      <c r="B430" s="447"/>
      <c r="C430" s="312" t="s">
        <v>902</v>
      </c>
      <c r="D430" s="459">
        <v>1</v>
      </c>
      <c r="E430" s="339" t="s">
        <v>84</v>
      </c>
      <c r="F430" s="339" t="s">
        <v>84</v>
      </c>
      <c r="G430" s="339" t="s">
        <v>84</v>
      </c>
    </row>
    <row r="431" spans="1:7" ht="15.75" customHeight="1" thickBot="1" x14ac:dyDescent="0.25">
      <c r="A431" s="447"/>
      <c r="B431" s="447"/>
      <c r="C431" s="314"/>
      <c r="D431" s="460"/>
      <c r="E431" s="341"/>
      <c r="F431" s="341"/>
      <c r="G431" s="341"/>
    </row>
    <row r="432" spans="1:7" ht="15" customHeight="1" x14ac:dyDescent="0.2">
      <c r="A432" s="447"/>
      <c r="B432" s="447"/>
      <c r="C432" s="312" t="s">
        <v>903</v>
      </c>
      <c r="D432" s="459">
        <v>1</v>
      </c>
      <c r="E432" s="339" t="s">
        <v>84</v>
      </c>
      <c r="F432" s="339" t="s">
        <v>84</v>
      </c>
      <c r="G432" s="339" t="s">
        <v>84</v>
      </c>
    </row>
    <row r="433" spans="1:7" ht="15.75" customHeight="1" thickBot="1" x14ac:dyDescent="0.25">
      <c r="A433" s="447"/>
      <c r="B433" s="447"/>
      <c r="C433" s="314"/>
      <c r="D433" s="460"/>
      <c r="E433" s="341"/>
      <c r="F433" s="341"/>
      <c r="G433" s="341"/>
    </row>
    <row r="434" spans="1:7" ht="15" customHeight="1" x14ac:dyDescent="0.2">
      <c r="A434" s="447"/>
      <c r="B434" s="447"/>
      <c r="C434" s="312" t="s">
        <v>904</v>
      </c>
      <c r="D434" s="459">
        <v>1</v>
      </c>
      <c r="E434" s="339" t="s">
        <v>84</v>
      </c>
      <c r="F434" s="339" t="s">
        <v>84</v>
      </c>
      <c r="G434" s="339" t="s">
        <v>84</v>
      </c>
    </row>
    <row r="435" spans="1:7" ht="15.75" customHeight="1" thickBot="1" x14ac:dyDescent="0.25">
      <c r="A435" s="447"/>
      <c r="B435" s="447"/>
      <c r="C435" s="314"/>
      <c r="D435" s="460"/>
      <c r="E435" s="341"/>
      <c r="F435" s="341"/>
      <c r="G435" s="341"/>
    </row>
    <row r="436" spans="1:7" ht="15" customHeight="1" x14ac:dyDescent="0.2">
      <c r="A436" s="447"/>
      <c r="B436" s="447"/>
      <c r="C436" s="312" t="s">
        <v>905</v>
      </c>
      <c r="D436" s="459">
        <v>1</v>
      </c>
      <c r="E436" s="339" t="s">
        <v>84</v>
      </c>
      <c r="F436" s="339" t="s">
        <v>84</v>
      </c>
      <c r="G436" s="339" t="s">
        <v>84</v>
      </c>
    </row>
    <row r="437" spans="1:7" ht="15.75" customHeight="1" thickBot="1" x14ac:dyDescent="0.25">
      <c r="A437" s="447"/>
      <c r="B437" s="447"/>
      <c r="C437" s="314"/>
      <c r="D437" s="460"/>
      <c r="E437" s="341"/>
      <c r="F437" s="341"/>
      <c r="G437" s="341"/>
    </row>
    <row r="438" spans="1:7" ht="15" customHeight="1" x14ac:dyDescent="0.2">
      <c r="A438" s="447"/>
      <c r="B438" s="447"/>
      <c r="C438" s="312" t="s">
        <v>906</v>
      </c>
      <c r="D438" s="459">
        <v>1</v>
      </c>
      <c r="E438" s="339" t="s">
        <v>84</v>
      </c>
      <c r="F438" s="339" t="s">
        <v>84</v>
      </c>
      <c r="G438" s="339" t="s">
        <v>84</v>
      </c>
    </row>
    <row r="439" spans="1:7" ht="15.75" customHeight="1" thickBot="1" x14ac:dyDescent="0.25">
      <c r="A439" s="447"/>
      <c r="B439" s="447"/>
      <c r="C439" s="314"/>
      <c r="D439" s="460"/>
      <c r="E439" s="341"/>
      <c r="F439" s="341"/>
      <c r="G439" s="341"/>
    </row>
    <row r="440" spans="1:7" ht="15" customHeight="1" x14ac:dyDescent="0.2">
      <c r="A440" s="447"/>
      <c r="B440" s="447"/>
      <c r="C440" s="312" t="s">
        <v>907</v>
      </c>
      <c r="D440" s="459">
        <v>1</v>
      </c>
      <c r="E440" s="339" t="s">
        <v>84</v>
      </c>
      <c r="F440" s="339" t="s">
        <v>84</v>
      </c>
      <c r="G440" s="339" t="s">
        <v>84</v>
      </c>
    </row>
    <row r="441" spans="1:7" ht="15.75" customHeight="1" thickBot="1" x14ac:dyDescent="0.25">
      <c r="A441" s="447"/>
      <c r="B441" s="447"/>
      <c r="C441" s="314"/>
      <c r="D441" s="460"/>
      <c r="E441" s="341"/>
      <c r="F441" s="341"/>
      <c r="G441" s="341"/>
    </row>
    <row r="442" spans="1:7" ht="15" customHeight="1" x14ac:dyDescent="0.2">
      <c r="A442" s="447"/>
      <c r="B442" s="447"/>
      <c r="C442" s="312" t="s">
        <v>908</v>
      </c>
      <c r="D442" s="459">
        <v>2</v>
      </c>
      <c r="E442" s="339" t="s">
        <v>84</v>
      </c>
      <c r="F442" s="339" t="s">
        <v>84</v>
      </c>
      <c r="G442" s="339" t="s">
        <v>84</v>
      </c>
    </row>
    <row r="443" spans="1:7" ht="15.75" customHeight="1" thickBot="1" x14ac:dyDescent="0.25">
      <c r="A443" s="447"/>
      <c r="B443" s="447"/>
      <c r="C443" s="314"/>
      <c r="D443" s="460"/>
      <c r="E443" s="341"/>
      <c r="F443" s="341"/>
      <c r="G443" s="341"/>
    </row>
    <row r="444" spans="1:7" ht="15" customHeight="1" x14ac:dyDescent="0.2">
      <c r="A444" s="447"/>
      <c r="B444" s="447"/>
      <c r="C444" s="312" t="s">
        <v>909</v>
      </c>
      <c r="D444" s="459">
        <v>1</v>
      </c>
      <c r="E444" s="339" t="s">
        <v>84</v>
      </c>
      <c r="F444" s="339" t="s">
        <v>84</v>
      </c>
      <c r="G444" s="339" t="s">
        <v>84</v>
      </c>
    </row>
    <row r="445" spans="1:7" ht="15.75" customHeight="1" thickBot="1" x14ac:dyDescent="0.25">
      <c r="A445" s="447"/>
      <c r="B445" s="447"/>
      <c r="C445" s="314"/>
      <c r="D445" s="460"/>
      <c r="E445" s="341"/>
      <c r="F445" s="341"/>
      <c r="G445" s="341"/>
    </row>
    <row r="446" spans="1:7" ht="15" customHeight="1" x14ac:dyDescent="0.2">
      <c r="A446" s="447"/>
      <c r="B446" s="447"/>
      <c r="C446" s="312" t="s">
        <v>910</v>
      </c>
      <c r="D446" s="459">
        <v>1</v>
      </c>
      <c r="E446" s="339" t="s">
        <v>84</v>
      </c>
      <c r="F446" s="339" t="s">
        <v>84</v>
      </c>
      <c r="G446" s="339" t="s">
        <v>84</v>
      </c>
    </row>
    <row r="447" spans="1:7" ht="15.75" customHeight="1" thickBot="1" x14ac:dyDescent="0.25">
      <c r="A447" s="447"/>
      <c r="B447" s="447"/>
      <c r="C447" s="314"/>
      <c r="D447" s="460"/>
      <c r="E447" s="341"/>
      <c r="F447" s="341"/>
      <c r="G447" s="341"/>
    </row>
    <row r="448" spans="1:7" ht="17.25" thickBot="1" x14ac:dyDescent="0.25">
      <c r="A448" s="447"/>
      <c r="B448" s="447"/>
      <c r="C448" s="157" t="s">
        <v>911</v>
      </c>
      <c r="D448" s="249">
        <v>1</v>
      </c>
      <c r="E448" s="280" t="s">
        <v>84</v>
      </c>
      <c r="F448" s="280" t="s">
        <v>84</v>
      </c>
      <c r="G448" s="280" t="s">
        <v>84</v>
      </c>
    </row>
    <row r="449" spans="1:7" ht="15" customHeight="1" x14ac:dyDescent="0.2">
      <c r="A449" s="447"/>
      <c r="B449" s="447"/>
      <c r="C449" s="312" t="s">
        <v>913</v>
      </c>
      <c r="D449" s="459">
        <v>1</v>
      </c>
      <c r="E449" s="339" t="s">
        <v>84</v>
      </c>
      <c r="F449" s="339" t="s">
        <v>84</v>
      </c>
      <c r="G449" s="339" t="s">
        <v>84</v>
      </c>
    </row>
    <row r="450" spans="1:7" ht="15.75" customHeight="1" thickBot="1" x14ac:dyDescent="0.25">
      <c r="A450" s="447"/>
      <c r="B450" s="447"/>
      <c r="C450" s="314"/>
      <c r="D450" s="460"/>
      <c r="E450" s="341"/>
      <c r="F450" s="341"/>
      <c r="G450" s="341"/>
    </row>
    <row r="451" spans="1:7" ht="15" customHeight="1" x14ac:dyDescent="0.2">
      <c r="A451" s="447"/>
      <c r="B451" s="447"/>
      <c r="C451" s="312" t="s">
        <v>914</v>
      </c>
      <c r="D451" s="459">
        <v>1</v>
      </c>
      <c r="E451" s="339" t="s">
        <v>84</v>
      </c>
      <c r="F451" s="339" t="s">
        <v>84</v>
      </c>
      <c r="G451" s="339" t="s">
        <v>84</v>
      </c>
    </row>
    <row r="452" spans="1:7" ht="15.75" customHeight="1" thickBot="1" x14ac:dyDescent="0.25">
      <c r="A452" s="447"/>
      <c r="B452" s="447"/>
      <c r="C452" s="314"/>
      <c r="D452" s="460"/>
      <c r="E452" s="341"/>
      <c r="F452" s="341"/>
      <c r="G452" s="341"/>
    </row>
    <row r="453" spans="1:7" ht="15" customHeight="1" x14ac:dyDescent="0.2">
      <c r="A453" s="447"/>
      <c r="B453" s="447"/>
      <c r="C453" s="312" t="s">
        <v>915</v>
      </c>
      <c r="D453" s="459">
        <v>1</v>
      </c>
      <c r="E453" s="339" t="s">
        <v>84</v>
      </c>
      <c r="F453" s="339" t="s">
        <v>84</v>
      </c>
      <c r="G453" s="339" t="s">
        <v>84</v>
      </c>
    </row>
    <row r="454" spans="1:7" ht="15.75" customHeight="1" thickBot="1" x14ac:dyDescent="0.25">
      <c r="A454" s="447"/>
      <c r="B454" s="447"/>
      <c r="C454" s="314"/>
      <c r="D454" s="460"/>
      <c r="E454" s="341"/>
      <c r="F454" s="341"/>
      <c r="G454" s="341"/>
    </row>
    <row r="455" spans="1:7" ht="15" customHeight="1" x14ac:dyDescent="0.2">
      <c r="A455" s="447"/>
      <c r="B455" s="447"/>
      <c r="C455" s="312" t="s">
        <v>916</v>
      </c>
      <c r="D455" s="459">
        <v>1</v>
      </c>
      <c r="E455" s="339" t="s">
        <v>84</v>
      </c>
      <c r="F455" s="339" t="s">
        <v>84</v>
      </c>
      <c r="G455" s="339" t="s">
        <v>84</v>
      </c>
    </row>
    <row r="456" spans="1:7" ht="15.75" customHeight="1" thickBot="1" x14ac:dyDescent="0.25">
      <c r="A456" s="447"/>
      <c r="B456" s="447"/>
      <c r="C456" s="314"/>
      <c r="D456" s="460"/>
      <c r="E456" s="341"/>
      <c r="F456" s="341"/>
      <c r="G456" s="341"/>
    </row>
    <row r="457" spans="1:7" ht="15" customHeight="1" x14ac:dyDescent="0.2">
      <c r="A457" s="447"/>
      <c r="B457" s="447"/>
      <c r="C457" s="312" t="s">
        <v>917</v>
      </c>
      <c r="D457" s="459">
        <v>1</v>
      </c>
      <c r="E457" s="339" t="s">
        <v>84</v>
      </c>
      <c r="F457" s="339" t="s">
        <v>84</v>
      </c>
      <c r="G457" s="339" t="s">
        <v>84</v>
      </c>
    </row>
    <row r="458" spans="1:7" ht="15.75" customHeight="1" thickBot="1" x14ac:dyDescent="0.25">
      <c r="A458" s="447"/>
      <c r="B458" s="447"/>
      <c r="C458" s="314"/>
      <c r="D458" s="460"/>
      <c r="E458" s="341"/>
      <c r="F458" s="341"/>
      <c r="G458" s="341"/>
    </row>
    <row r="459" spans="1:7" ht="15" customHeight="1" x14ac:dyDescent="0.2">
      <c r="A459" s="447"/>
      <c r="B459" s="447"/>
      <c r="C459" s="312" t="s">
        <v>918</v>
      </c>
      <c r="D459" s="459">
        <v>1</v>
      </c>
      <c r="E459" s="339" t="s">
        <v>84</v>
      </c>
      <c r="F459" s="339" t="s">
        <v>84</v>
      </c>
      <c r="G459" s="339" t="s">
        <v>84</v>
      </c>
    </row>
    <row r="460" spans="1:7" ht="15.75" customHeight="1" thickBot="1" x14ac:dyDescent="0.25">
      <c r="A460" s="447"/>
      <c r="B460" s="447"/>
      <c r="C460" s="314"/>
      <c r="D460" s="460"/>
      <c r="E460" s="341"/>
      <c r="F460" s="341"/>
      <c r="G460" s="341"/>
    </row>
    <row r="461" spans="1:7" ht="15" customHeight="1" x14ac:dyDescent="0.2">
      <c r="A461" s="447"/>
      <c r="B461" s="447"/>
      <c r="C461" s="312" t="s">
        <v>919</v>
      </c>
      <c r="D461" s="459">
        <v>1</v>
      </c>
      <c r="E461" s="339" t="s">
        <v>84</v>
      </c>
      <c r="F461" s="339" t="s">
        <v>84</v>
      </c>
      <c r="G461" s="339" t="s">
        <v>84</v>
      </c>
    </row>
    <row r="462" spans="1:7" ht="15.75" customHeight="1" thickBot="1" x14ac:dyDescent="0.25">
      <c r="A462" s="447"/>
      <c r="B462" s="447"/>
      <c r="C462" s="314"/>
      <c r="D462" s="460"/>
      <c r="E462" s="341"/>
      <c r="F462" s="341"/>
      <c r="G462" s="341"/>
    </row>
    <row r="463" spans="1:7" ht="15" customHeight="1" x14ac:dyDescent="0.2">
      <c r="A463" s="447"/>
      <c r="B463" s="447"/>
      <c r="C463" s="312" t="s">
        <v>920</v>
      </c>
      <c r="D463" s="459">
        <v>1</v>
      </c>
      <c r="E463" s="339" t="s">
        <v>84</v>
      </c>
      <c r="F463" s="339" t="s">
        <v>84</v>
      </c>
      <c r="G463" s="339" t="s">
        <v>84</v>
      </c>
    </row>
    <row r="464" spans="1:7" ht="15.75" customHeight="1" thickBot="1" x14ac:dyDescent="0.25">
      <c r="A464" s="447"/>
      <c r="B464" s="447"/>
      <c r="C464" s="314"/>
      <c r="D464" s="460"/>
      <c r="E464" s="341"/>
      <c r="F464" s="341"/>
      <c r="G464" s="341"/>
    </row>
    <row r="465" spans="1:7" ht="15" customHeight="1" x14ac:dyDescent="0.2">
      <c r="A465" s="447"/>
      <c r="B465" s="447"/>
      <c r="C465" s="312" t="s">
        <v>921</v>
      </c>
      <c r="D465" s="459">
        <v>1</v>
      </c>
      <c r="E465" s="339" t="s">
        <v>84</v>
      </c>
      <c r="F465" s="339" t="s">
        <v>84</v>
      </c>
      <c r="G465" s="339" t="s">
        <v>84</v>
      </c>
    </row>
    <row r="466" spans="1:7" ht="15.75" customHeight="1" thickBot="1" x14ac:dyDescent="0.25">
      <c r="A466" s="447"/>
      <c r="B466" s="447"/>
      <c r="C466" s="314"/>
      <c r="D466" s="460"/>
      <c r="E466" s="341"/>
      <c r="F466" s="341"/>
      <c r="G466" s="341"/>
    </row>
    <row r="467" spans="1:7" ht="15" customHeight="1" x14ac:dyDescent="0.2">
      <c r="A467" s="447"/>
      <c r="B467" s="447"/>
      <c r="C467" s="312" t="s">
        <v>922</v>
      </c>
      <c r="D467" s="459">
        <v>1</v>
      </c>
      <c r="E467" s="339" t="s">
        <v>84</v>
      </c>
      <c r="F467" s="339" t="s">
        <v>84</v>
      </c>
      <c r="G467" s="339" t="s">
        <v>84</v>
      </c>
    </row>
    <row r="468" spans="1:7" ht="15.75" customHeight="1" thickBot="1" x14ac:dyDescent="0.25">
      <c r="A468" s="447"/>
      <c r="B468" s="447"/>
      <c r="C468" s="314"/>
      <c r="D468" s="460"/>
      <c r="E468" s="341"/>
      <c r="F468" s="341"/>
      <c r="G468" s="341"/>
    </row>
    <row r="469" spans="1:7" ht="15" customHeight="1" x14ac:dyDescent="0.2">
      <c r="A469" s="447"/>
      <c r="B469" s="447"/>
      <c r="C469" s="520" t="s">
        <v>923</v>
      </c>
      <c r="D469" s="459">
        <v>1</v>
      </c>
      <c r="E469" s="339" t="s">
        <v>84</v>
      </c>
      <c r="F469" s="339" t="s">
        <v>84</v>
      </c>
      <c r="G469" s="339" t="s">
        <v>84</v>
      </c>
    </row>
    <row r="470" spans="1:7" ht="15.75" customHeight="1" thickBot="1" x14ac:dyDescent="0.25">
      <c r="A470" s="447"/>
      <c r="B470" s="447"/>
      <c r="C470" s="521"/>
      <c r="D470" s="460"/>
      <c r="E470" s="341"/>
      <c r="F470" s="341"/>
      <c r="G470" s="341"/>
    </row>
    <row r="471" spans="1:7" ht="15" customHeight="1" x14ac:dyDescent="0.2">
      <c r="A471" s="447"/>
      <c r="B471" s="447"/>
      <c r="C471" s="312" t="s">
        <v>924</v>
      </c>
      <c r="D471" s="459">
        <v>1</v>
      </c>
      <c r="E471" s="339" t="s">
        <v>84</v>
      </c>
      <c r="F471" s="339" t="s">
        <v>84</v>
      </c>
      <c r="G471" s="339" t="s">
        <v>84</v>
      </c>
    </row>
    <row r="472" spans="1:7" ht="15.75" customHeight="1" thickBot="1" x14ac:dyDescent="0.25">
      <c r="A472" s="447"/>
      <c r="B472" s="447"/>
      <c r="C472" s="314"/>
      <c r="D472" s="460"/>
      <c r="E472" s="341"/>
      <c r="F472" s="341"/>
      <c r="G472" s="341"/>
    </row>
    <row r="473" spans="1:7" ht="15" customHeight="1" x14ac:dyDescent="0.2">
      <c r="A473" s="447"/>
      <c r="B473" s="447"/>
      <c r="C473" s="312" t="s">
        <v>925</v>
      </c>
      <c r="D473" s="459">
        <v>1</v>
      </c>
      <c r="E473" s="339" t="s">
        <v>84</v>
      </c>
      <c r="F473" s="339" t="s">
        <v>84</v>
      </c>
      <c r="G473" s="339" t="s">
        <v>84</v>
      </c>
    </row>
    <row r="474" spans="1:7" ht="15.75" customHeight="1" thickBot="1" x14ac:dyDescent="0.25">
      <c r="A474" s="447"/>
      <c r="B474" s="447"/>
      <c r="C474" s="314"/>
      <c r="D474" s="460"/>
      <c r="E474" s="341"/>
      <c r="F474" s="341"/>
      <c r="G474" s="341"/>
    </row>
    <row r="475" spans="1:7" ht="15" customHeight="1" x14ac:dyDescent="0.2">
      <c r="A475" s="447"/>
      <c r="B475" s="447"/>
      <c r="C475" s="312" t="s">
        <v>926</v>
      </c>
      <c r="D475" s="459">
        <v>1</v>
      </c>
      <c r="E475" s="339" t="s">
        <v>84</v>
      </c>
      <c r="F475" s="339" t="s">
        <v>84</v>
      </c>
      <c r="G475" s="339" t="s">
        <v>84</v>
      </c>
    </row>
    <row r="476" spans="1:7" ht="15.75" customHeight="1" thickBot="1" x14ac:dyDescent="0.25">
      <c r="A476" s="447"/>
      <c r="B476" s="447"/>
      <c r="C476" s="314"/>
      <c r="D476" s="460"/>
      <c r="E476" s="341"/>
      <c r="F476" s="341"/>
      <c r="G476" s="341"/>
    </row>
    <row r="477" spans="1:7" ht="15" customHeight="1" x14ac:dyDescent="0.2">
      <c r="A477" s="447"/>
      <c r="B477" s="447"/>
      <c r="C477" s="312" t="s">
        <v>927</v>
      </c>
      <c r="D477" s="459">
        <v>1</v>
      </c>
      <c r="E477" s="339" t="s">
        <v>84</v>
      </c>
      <c r="F477" s="339" t="s">
        <v>84</v>
      </c>
      <c r="G477" s="339" t="s">
        <v>84</v>
      </c>
    </row>
    <row r="478" spans="1:7" ht="15.75" customHeight="1" thickBot="1" x14ac:dyDescent="0.25">
      <c r="A478" s="447"/>
      <c r="B478" s="447"/>
      <c r="C478" s="314"/>
      <c r="D478" s="460"/>
      <c r="E478" s="341"/>
      <c r="F478" s="341"/>
      <c r="G478" s="341"/>
    </row>
    <row r="479" spans="1:7" ht="15" customHeight="1" x14ac:dyDescent="0.2">
      <c r="A479" s="447"/>
      <c r="B479" s="447"/>
      <c r="C479" s="312" t="s">
        <v>928</v>
      </c>
      <c r="D479" s="459">
        <v>1</v>
      </c>
      <c r="E479" s="339" t="s">
        <v>84</v>
      </c>
      <c r="F479" s="339" t="s">
        <v>84</v>
      </c>
      <c r="G479" s="339" t="s">
        <v>84</v>
      </c>
    </row>
    <row r="480" spans="1:7" ht="15.75" customHeight="1" thickBot="1" x14ac:dyDescent="0.25">
      <c r="A480" s="447"/>
      <c r="B480" s="447"/>
      <c r="C480" s="314"/>
      <c r="D480" s="460"/>
      <c r="E480" s="341"/>
      <c r="F480" s="341"/>
      <c r="G480" s="341"/>
    </row>
    <row r="481" spans="1:7" ht="15" customHeight="1" x14ac:dyDescent="0.2">
      <c r="A481" s="447"/>
      <c r="B481" s="447"/>
      <c r="C481" s="312" t="s">
        <v>929</v>
      </c>
      <c r="D481" s="459">
        <v>1</v>
      </c>
      <c r="E481" s="339" t="s">
        <v>84</v>
      </c>
      <c r="F481" s="339" t="s">
        <v>84</v>
      </c>
      <c r="G481" s="339" t="s">
        <v>84</v>
      </c>
    </row>
    <row r="482" spans="1:7" ht="15.75" customHeight="1" thickBot="1" x14ac:dyDescent="0.25">
      <c r="A482" s="447"/>
      <c r="B482" s="447"/>
      <c r="C482" s="314"/>
      <c r="D482" s="460"/>
      <c r="E482" s="341"/>
      <c r="F482" s="341"/>
      <c r="G482" s="341"/>
    </row>
    <row r="483" spans="1:7" ht="15" customHeight="1" x14ac:dyDescent="0.2">
      <c r="A483" s="447"/>
      <c r="B483" s="447"/>
      <c r="C483" s="312" t="s">
        <v>930</v>
      </c>
      <c r="D483" s="459">
        <v>1</v>
      </c>
      <c r="E483" s="339" t="s">
        <v>84</v>
      </c>
      <c r="F483" s="339" t="s">
        <v>84</v>
      </c>
      <c r="G483" s="339" t="s">
        <v>84</v>
      </c>
    </row>
    <row r="484" spans="1:7" ht="15.75" customHeight="1" thickBot="1" x14ac:dyDescent="0.25">
      <c r="A484" s="447"/>
      <c r="B484" s="447"/>
      <c r="C484" s="314"/>
      <c r="D484" s="460"/>
      <c r="E484" s="341"/>
      <c r="F484" s="341"/>
      <c r="G484" s="341"/>
    </row>
    <row r="485" spans="1:7" ht="15" customHeight="1" x14ac:dyDescent="0.2">
      <c r="A485" s="447"/>
      <c r="B485" s="447"/>
      <c r="C485" s="312" t="s">
        <v>931</v>
      </c>
      <c r="D485" s="459">
        <v>1</v>
      </c>
      <c r="E485" s="339" t="s">
        <v>84</v>
      </c>
      <c r="F485" s="339" t="s">
        <v>84</v>
      </c>
      <c r="G485" s="339" t="s">
        <v>84</v>
      </c>
    </row>
    <row r="486" spans="1:7" ht="15.75" customHeight="1" thickBot="1" x14ac:dyDescent="0.25">
      <c r="A486" s="447"/>
      <c r="B486" s="447"/>
      <c r="C486" s="314"/>
      <c r="D486" s="460"/>
      <c r="E486" s="341"/>
      <c r="F486" s="341"/>
      <c r="G486" s="341"/>
    </row>
    <row r="487" spans="1:7" ht="15" customHeight="1" x14ac:dyDescent="0.2">
      <c r="A487" s="447"/>
      <c r="B487" s="447"/>
      <c r="C487" s="312" t="s">
        <v>932</v>
      </c>
      <c r="D487" s="459">
        <v>1</v>
      </c>
      <c r="E487" s="339" t="s">
        <v>84</v>
      </c>
      <c r="F487" s="339" t="s">
        <v>84</v>
      </c>
      <c r="G487" s="339" t="s">
        <v>84</v>
      </c>
    </row>
    <row r="488" spans="1:7" ht="15.75" customHeight="1" thickBot="1" x14ac:dyDescent="0.25">
      <c r="A488" s="447"/>
      <c r="B488" s="447"/>
      <c r="C488" s="314"/>
      <c r="D488" s="460"/>
      <c r="E488" s="341"/>
      <c r="F488" s="341"/>
      <c r="G488" s="341"/>
    </row>
    <row r="489" spans="1:7" ht="15" customHeight="1" x14ac:dyDescent="0.2">
      <c r="A489" s="447"/>
      <c r="B489" s="447"/>
      <c r="C489" s="312" t="s">
        <v>933</v>
      </c>
      <c r="D489" s="459">
        <v>1</v>
      </c>
      <c r="E489" s="339" t="s">
        <v>84</v>
      </c>
      <c r="F489" s="339" t="s">
        <v>84</v>
      </c>
      <c r="G489" s="339" t="s">
        <v>84</v>
      </c>
    </row>
    <row r="490" spans="1:7" ht="15.75" customHeight="1" thickBot="1" x14ac:dyDescent="0.25">
      <c r="A490" s="447"/>
      <c r="B490" s="447"/>
      <c r="C490" s="314"/>
      <c r="D490" s="460"/>
      <c r="E490" s="341"/>
      <c r="F490" s="341"/>
      <c r="G490" s="341"/>
    </row>
    <row r="491" spans="1:7" ht="15" customHeight="1" x14ac:dyDescent="0.2">
      <c r="A491" s="447"/>
      <c r="B491" s="447"/>
      <c r="C491" s="312" t="s">
        <v>934</v>
      </c>
      <c r="D491" s="459">
        <v>1</v>
      </c>
      <c r="E491" s="339" t="s">
        <v>84</v>
      </c>
      <c r="F491" s="339" t="s">
        <v>84</v>
      </c>
      <c r="G491" s="339" t="s">
        <v>84</v>
      </c>
    </row>
    <row r="492" spans="1:7" ht="15.75" customHeight="1" thickBot="1" x14ac:dyDescent="0.25">
      <c r="A492" s="447"/>
      <c r="B492" s="447"/>
      <c r="C492" s="314"/>
      <c r="D492" s="460"/>
      <c r="E492" s="341"/>
      <c r="F492" s="341"/>
      <c r="G492" s="341"/>
    </row>
    <row r="493" spans="1:7" ht="15" customHeight="1" x14ac:dyDescent="0.2">
      <c r="A493" s="447"/>
      <c r="B493" s="447"/>
      <c r="C493" s="312" t="s">
        <v>935</v>
      </c>
      <c r="D493" s="459">
        <v>4</v>
      </c>
      <c r="E493" s="339" t="s">
        <v>84</v>
      </c>
      <c r="F493" s="339" t="s">
        <v>84</v>
      </c>
      <c r="G493" s="339" t="s">
        <v>84</v>
      </c>
    </row>
    <row r="494" spans="1:7" ht="15.75" customHeight="1" thickBot="1" x14ac:dyDescent="0.25">
      <c r="A494" s="447"/>
      <c r="B494" s="447"/>
      <c r="C494" s="314"/>
      <c r="D494" s="460"/>
      <c r="E494" s="341"/>
      <c r="F494" s="341"/>
      <c r="G494" s="341"/>
    </row>
    <row r="495" spans="1:7" ht="15" customHeight="1" x14ac:dyDescent="0.2">
      <c r="A495" s="447"/>
      <c r="B495" s="447"/>
      <c r="C495" s="312" t="s">
        <v>936</v>
      </c>
      <c r="D495" s="459">
        <v>1</v>
      </c>
      <c r="E495" s="339" t="s">
        <v>84</v>
      </c>
      <c r="F495" s="339" t="s">
        <v>84</v>
      </c>
      <c r="G495" s="339" t="s">
        <v>84</v>
      </c>
    </row>
    <row r="496" spans="1:7" ht="15.75" customHeight="1" thickBot="1" x14ac:dyDescent="0.25">
      <c r="A496" s="447"/>
      <c r="B496" s="447"/>
      <c r="C496" s="314"/>
      <c r="D496" s="460"/>
      <c r="E496" s="341"/>
      <c r="F496" s="341"/>
      <c r="G496" s="341"/>
    </row>
    <row r="497" spans="1:7" ht="15" customHeight="1" x14ac:dyDescent="0.2">
      <c r="A497" s="447"/>
      <c r="B497" s="447"/>
      <c r="C497" s="312" t="s">
        <v>937</v>
      </c>
      <c r="D497" s="459">
        <v>4</v>
      </c>
      <c r="E497" s="339" t="s">
        <v>84</v>
      </c>
      <c r="F497" s="339" t="s">
        <v>84</v>
      </c>
      <c r="G497" s="339" t="s">
        <v>84</v>
      </c>
    </row>
    <row r="498" spans="1:7" ht="15.75" customHeight="1" thickBot="1" x14ac:dyDescent="0.25">
      <c r="A498" s="447"/>
      <c r="B498" s="447"/>
      <c r="C498" s="314"/>
      <c r="D498" s="460"/>
      <c r="E498" s="341"/>
      <c r="F498" s="341"/>
      <c r="G498" s="341"/>
    </row>
    <row r="499" spans="1:7" ht="15" customHeight="1" x14ac:dyDescent="0.2">
      <c r="A499" s="447"/>
      <c r="B499" s="447"/>
      <c r="C499" s="312" t="s">
        <v>938</v>
      </c>
      <c r="D499" s="459">
        <v>2</v>
      </c>
      <c r="E499" s="339" t="s">
        <v>84</v>
      </c>
      <c r="F499" s="339" t="s">
        <v>84</v>
      </c>
      <c r="G499" s="339" t="s">
        <v>84</v>
      </c>
    </row>
    <row r="500" spans="1:7" ht="15.75" customHeight="1" thickBot="1" x14ac:dyDescent="0.25">
      <c r="A500" s="447"/>
      <c r="B500" s="447"/>
      <c r="C500" s="314"/>
      <c r="D500" s="460"/>
      <c r="E500" s="341"/>
      <c r="F500" s="341"/>
      <c r="G500" s="341"/>
    </row>
    <row r="501" spans="1:7" ht="15" customHeight="1" x14ac:dyDescent="0.2">
      <c r="A501" s="447"/>
      <c r="B501" s="447"/>
      <c r="C501" s="312" t="s">
        <v>939</v>
      </c>
      <c r="D501" s="459">
        <v>1</v>
      </c>
      <c r="E501" s="339" t="s">
        <v>84</v>
      </c>
      <c r="F501" s="339" t="s">
        <v>84</v>
      </c>
      <c r="G501" s="339" t="s">
        <v>84</v>
      </c>
    </row>
    <row r="502" spans="1:7" ht="15.75" customHeight="1" thickBot="1" x14ac:dyDescent="0.25">
      <c r="A502" s="447"/>
      <c r="B502" s="447"/>
      <c r="C502" s="314"/>
      <c r="D502" s="460"/>
      <c r="E502" s="341"/>
      <c r="F502" s="341"/>
      <c r="G502" s="341"/>
    </row>
    <row r="503" spans="1:7" ht="15" customHeight="1" x14ac:dyDescent="0.2">
      <c r="A503" s="447"/>
      <c r="B503" s="447"/>
      <c r="C503" s="312" t="s">
        <v>940</v>
      </c>
      <c r="D503" s="459">
        <v>2</v>
      </c>
      <c r="E503" s="339" t="s">
        <v>84</v>
      </c>
      <c r="F503" s="339" t="s">
        <v>84</v>
      </c>
      <c r="G503" s="339" t="s">
        <v>84</v>
      </c>
    </row>
    <row r="504" spans="1:7" ht="15.75" customHeight="1" thickBot="1" x14ac:dyDescent="0.25">
      <c r="A504" s="447"/>
      <c r="B504" s="447"/>
      <c r="C504" s="314"/>
      <c r="D504" s="460"/>
      <c r="E504" s="341"/>
      <c r="F504" s="341"/>
      <c r="G504" s="341"/>
    </row>
    <row r="505" spans="1:7" ht="15" customHeight="1" x14ac:dyDescent="0.2">
      <c r="A505" s="447"/>
      <c r="B505" s="447"/>
      <c r="C505" s="312" t="s">
        <v>941</v>
      </c>
      <c r="D505" s="459">
        <v>1</v>
      </c>
      <c r="E505" s="339" t="s">
        <v>84</v>
      </c>
      <c r="F505" s="339" t="s">
        <v>84</v>
      </c>
      <c r="G505" s="339" t="s">
        <v>84</v>
      </c>
    </row>
    <row r="506" spans="1:7" ht="15.75" customHeight="1" thickBot="1" x14ac:dyDescent="0.25">
      <c r="A506" s="447"/>
      <c r="B506" s="447"/>
      <c r="C506" s="314"/>
      <c r="D506" s="460"/>
      <c r="E506" s="341"/>
      <c r="F506" s="341"/>
      <c r="G506" s="341"/>
    </row>
    <row r="507" spans="1:7" ht="15" customHeight="1" x14ac:dyDescent="0.2">
      <c r="A507" s="447"/>
      <c r="B507" s="447"/>
      <c r="C507" s="312" t="s">
        <v>942</v>
      </c>
      <c r="D507" s="459">
        <v>1</v>
      </c>
      <c r="E507" s="339" t="s">
        <v>84</v>
      </c>
      <c r="F507" s="339" t="s">
        <v>84</v>
      </c>
      <c r="G507" s="339" t="s">
        <v>84</v>
      </c>
    </row>
    <row r="508" spans="1:7" ht="15.75" customHeight="1" thickBot="1" x14ac:dyDescent="0.25">
      <c r="A508" s="447"/>
      <c r="B508" s="447"/>
      <c r="C508" s="314"/>
      <c r="D508" s="460"/>
      <c r="E508" s="341"/>
      <c r="F508" s="341"/>
      <c r="G508" s="341"/>
    </row>
    <row r="509" spans="1:7" ht="15" customHeight="1" x14ac:dyDescent="0.2">
      <c r="A509" s="447"/>
      <c r="B509" s="447"/>
      <c r="C509" s="312" t="s">
        <v>943</v>
      </c>
      <c r="D509" s="459">
        <v>1</v>
      </c>
      <c r="E509" s="339" t="s">
        <v>84</v>
      </c>
      <c r="F509" s="339" t="s">
        <v>84</v>
      </c>
      <c r="G509" s="339" t="s">
        <v>84</v>
      </c>
    </row>
    <row r="510" spans="1:7" ht="15.75" customHeight="1" thickBot="1" x14ac:dyDescent="0.25">
      <c r="A510" s="447"/>
      <c r="B510" s="447"/>
      <c r="C510" s="314"/>
      <c r="D510" s="460"/>
      <c r="E510" s="341"/>
      <c r="F510" s="341"/>
      <c r="G510" s="341"/>
    </row>
    <row r="511" spans="1:7" ht="15" customHeight="1" x14ac:dyDescent="0.2">
      <c r="A511" s="447"/>
      <c r="B511" s="447"/>
      <c r="C511" s="312" t="s">
        <v>944</v>
      </c>
      <c r="D511" s="459">
        <v>1</v>
      </c>
      <c r="E511" s="339" t="s">
        <v>84</v>
      </c>
      <c r="F511" s="339" t="s">
        <v>84</v>
      </c>
      <c r="G511" s="339" t="s">
        <v>84</v>
      </c>
    </row>
    <row r="512" spans="1:7" ht="15.75" customHeight="1" thickBot="1" x14ac:dyDescent="0.25">
      <c r="A512" s="447"/>
      <c r="B512" s="447"/>
      <c r="C512" s="314"/>
      <c r="D512" s="460"/>
      <c r="E512" s="341"/>
      <c r="F512" s="341"/>
      <c r="G512" s="341"/>
    </row>
    <row r="513" spans="1:7" ht="15" customHeight="1" x14ac:dyDescent="0.2">
      <c r="A513" s="447"/>
      <c r="B513" s="447"/>
      <c r="C513" s="312" t="s">
        <v>945</v>
      </c>
      <c r="D513" s="459">
        <v>1</v>
      </c>
      <c r="E513" s="339" t="s">
        <v>84</v>
      </c>
      <c r="F513" s="339" t="s">
        <v>84</v>
      </c>
      <c r="G513" s="339" t="s">
        <v>84</v>
      </c>
    </row>
    <row r="514" spans="1:7" ht="15.75" customHeight="1" thickBot="1" x14ac:dyDescent="0.25">
      <c r="A514" s="448"/>
      <c r="B514" s="448"/>
      <c r="C514" s="314"/>
      <c r="D514" s="460"/>
      <c r="E514" s="341"/>
      <c r="F514" s="341"/>
      <c r="G514" s="341"/>
    </row>
    <row r="515" spans="1:7" ht="12.75" customHeight="1" x14ac:dyDescent="0.2">
      <c r="A515" s="453" t="s">
        <v>946</v>
      </c>
      <c r="B515" s="456" t="s">
        <v>947</v>
      </c>
      <c r="C515" s="449" t="s">
        <v>955</v>
      </c>
      <c r="D515" s="361">
        <v>1</v>
      </c>
      <c r="E515" s="361">
        <v>10</v>
      </c>
      <c r="F515" s="451">
        <v>64.53</v>
      </c>
      <c r="G515" s="361" t="s">
        <v>956</v>
      </c>
    </row>
    <row r="516" spans="1:7" ht="15.75" customHeight="1" thickBot="1" x14ac:dyDescent="0.25">
      <c r="A516" s="454"/>
      <c r="B516" s="457"/>
      <c r="C516" s="450"/>
      <c r="D516" s="363"/>
      <c r="E516" s="363"/>
      <c r="F516" s="452"/>
      <c r="G516" s="363"/>
    </row>
    <row r="517" spans="1:7" ht="12.75" customHeight="1" x14ac:dyDescent="0.2">
      <c r="A517" s="454"/>
      <c r="B517" s="457"/>
      <c r="C517" s="449" t="s">
        <v>957</v>
      </c>
      <c r="D517" s="361">
        <v>1</v>
      </c>
      <c r="E517" s="361">
        <v>10</v>
      </c>
      <c r="F517" s="451">
        <v>25.24</v>
      </c>
      <c r="G517" s="361" t="s">
        <v>958</v>
      </c>
    </row>
    <row r="518" spans="1:7" ht="15.75" customHeight="1" thickBot="1" x14ac:dyDescent="0.25">
      <c r="A518" s="454"/>
      <c r="B518" s="457"/>
      <c r="C518" s="450"/>
      <c r="D518" s="363"/>
      <c r="E518" s="363"/>
      <c r="F518" s="452"/>
      <c r="G518" s="363"/>
    </row>
    <row r="519" spans="1:7" ht="12.75" customHeight="1" x14ac:dyDescent="0.2">
      <c r="A519" s="454"/>
      <c r="B519" s="457"/>
      <c r="C519" s="449" t="s">
        <v>959</v>
      </c>
      <c r="D519" s="361">
        <v>1</v>
      </c>
      <c r="E519" s="361">
        <v>10</v>
      </c>
      <c r="F519" s="451">
        <v>23.71</v>
      </c>
      <c r="G519" s="361" t="s">
        <v>960</v>
      </c>
    </row>
    <row r="520" spans="1:7" ht="15.75" customHeight="1" thickBot="1" x14ac:dyDescent="0.25">
      <c r="A520" s="454"/>
      <c r="B520" s="457"/>
      <c r="C520" s="450"/>
      <c r="D520" s="363"/>
      <c r="E520" s="363"/>
      <c r="F520" s="452"/>
      <c r="G520" s="363"/>
    </row>
    <row r="521" spans="1:7" ht="15" customHeight="1" x14ac:dyDescent="0.2">
      <c r="A521" s="454"/>
      <c r="B521" s="457"/>
      <c r="C521" s="449" t="s">
        <v>961</v>
      </c>
      <c r="D521" s="361">
        <v>1</v>
      </c>
      <c r="E521" s="361">
        <v>10</v>
      </c>
      <c r="F521" s="451">
        <v>4.6399999999999997</v>
      </c>
      <c r="G521" s="361" t="s">
        <v>962</v>
      </c>
    </row>
    <row r="522" spans="1:7" ht="15.75" customHeight="1" thickBot="1" x14ac:dyDescent="0.25">
      <c r="A522" s="454"/>
      <c r="B522" s="457"/>
      <c r="C522" s="450"/>
      <c r="D522" s="363"/>
      <c r="E522" s="363"/>
      <c r="F522" s="452"/>
      <c r="G522" s="363"/>
    </row>
    <row r="523" spans="1:7" ht="15.75" customHeight="1" thickBot="1" x14ac:dyDescent="0.25">
      <c r="A523" s="454"/>
      <c r="B523" s="457"/>
      <c r="C523" s="282" t="s">
        <v>963</v>
      </c>
      <c r="D523" s="283">
        <v>1</v>
      </c>
      <c r="E523" s="283" t="s">
        <v>84</v>
      </c>
      <c r="F523" s="283" t="s">
        <v>84</v>
      </c>
      <c r="G523" s="283" t="s">
        <v>84</v>
      </c>
    </row>
    <row r="524" spans="1:7" ht="15.75" customHeight="1" thickBot="1" x14ac:dyDescent="0.25">
      <c r="A524" s="455"/>
      <c r="B524" s="458"/>
      <c r="C524" s="282" t="s">
        <v>964</v>
      </c>
      <c r="D524" s="283">
        <v>2</v>
      </c>
      <c r="E524" s="283" t="s">
        <v>84</v>
      </c>
      <c r="F524" s="283" t="s">
        <v>84</v>
      </c>
      <c r="G524" s="283" t="s">
        <v>84</v>
      </c>
    </row>
    <row r="525" spans="1:7" x14ac:dyDescent="0.2">
      <c r="A525" s="350" t="s">
        <v>965</v>
      </c>
      <c r="B525" s="353" t="s">
        <v>966</v>
      </c>
      <c r="C525" s="286" t="s">
        <v>971</v>
      </c>
      <c r="D525" s="443" t="s">
        <v>84</v>
      </c>
      <c r="E525" s="361" t="s">
        <v>84</v>
      </c>
      <c r="F525" s="361" t="s">
        <v>84</v>
      </c>
      <c r="G525" s="361" t="s">
        <v>84</v>
      </c>
    </row>
    <row r="526" spans="1:7" x14ac:dyDescent="0.2">
      <c r="A526" s="351"/>
      <c r="B526" s="354"/>
      <c r="C526" s="287"/>
      <c r="D526" s="444"/>
      <c r="E526" s="362"/>
      <c r="F526" s="362"/>
      <c r="G526" s="362"/>
    </row>
    <row r="527" spans="1:7" x14ac:dyDescent="0.2">
      <c r="A527" s="351"/>
      <c r="B527" s="354"/>
      <c r="C527" s="287" t="s">
        <v>972</v>
      </c>
      <c r="D527" s="444"/>
      <c r="E527" s="362"/>
      <c r="F527" s="362"/>
      <c r="G527" s="362"/>
    </row>
    <row r="528" spans="1:7" x14ac:dyDescent="0.2">
      <c r="A528" s="351"/>
      <c r="B528" s="354"/>
      <c r="C528" s="288"/>
      <c r="D528" s="444"/>
      <c r="E528" s="362"/>
      <c r="F528" s="362"/>
      <c r="G528" s="362"/>
    </row>
    <row r="529" spans="1:7" x14ac:dyDescent="0.2">
      <c r="A529" s="351"/>
      <c r="B529" s="354"/>
      <c r="C529" s="288" t="s">
        <v>973</v>
      </c>
      <c r="D529" s="444"/>
      <c r="E529" s="362"/>
      <c r="F529" s="362"/>
      <c r="G529" s="362"/>
    </row>
    <row r="530" spans="1:7" x14ac:dyDescent="0.2">
      <c r="A530" s="351"/>
      <c r="B530" s="354"/>
      <c r="C530" s="288"/>
      <c r="D530" s="444"/>
      <c r="E530" s="362"/>
      <c r="F530" s="362"/>
      <c r="G530" s="362"/>
    </row>
    <row r="531" spans="1:7" x14ac:dyDescent="0.2">
      <c r="A531" s="351"/>
      <c r="B531" s="354"/>
      <c r="C531" s="288" t="s">
        <v>974</v>
      </c>
      <c r="D531" s="444"/>
      <c r="E531" s="362"/>
      <c r="F531" s="362"/>
      <c r="G531" s="362"/>
    </row>
    <row r="532" spans="1:7" x14ac:dyDescent="0.2">
      <c r="A532" s="351"/>
      <c r="B532" s="354"/>
      <c r="C532" s="288"/>
      <c r="D532" s="444"/>
      <c r="E532" s="362"/>
      <c r="F532" s="362"/>
      <c r="G532" s="362"/>
    </row>
    <row r="533" spans="1:7" x14ac:dyDescent="0.2">
      <c r="A533" s="351"/>
      <c r="B533" s="354"/>
      <c r="C533" s="288" t="s">
        <v>975</v>
      </c>
      <c r="D533" s="444"/>
      <c r="E533" s="362"/>
      <c r="F533" s="362"/>
      <c r="G533" s="362"/>
    </row>
    <row r="534" spans="1:7" x14ac:dyDescent="0.2">
      <c r="A534" s="351"/>
      <c r="B534" s="354"/>
      <c r="C534" s="288"/>
      <c r="D534" s="444"/>
      <c r="E534" s="362"/>
      <c r="F534" s="362"/>
      <c r="G534" s="362"/>
    </row>
    <row r="535" spans="1:7" x14ac:dyDescent="0.2">
      <c r="A535" s="351"/>
      <c r="B535" s="354"/>
      <c r="C535" s="288" t="s">
        <v>976</v>
      </c>
      <c r="D535" s="444"/>
      <c r="E535" s="362"/>
      <c r="F535" s="362"/>
      <c r="G535" s="362"/>
    </row>
    <row r="536" spans="1:7" x14ac:dyDescent="0.2">
      <c r="A536" s="351"/>
      <c r="B536" s="354"/>
      <c r="C536" s="288"/>
      <c r="D536" s="444"/>
      <c r="E536" s="362"/>
      <c r="F536" s="362"/>
      <c r="G536" s="362"/>
    </row>
    <row r="537" spans="1:7" x14ac:dyDescent="0.2">
      <c r="A537" s="351"/>
      <c r="B537" s="354"/>
      <c r="C537" s="288" t="s">
        <v>977</v>
      </c>
      <c r="D537" s="444"/>
      <c r="E537" s="362"/>
      <c r="F537" s="362"/>
      <c r="G537" s="362"/>
    </row>
    <row r="538" spans="1:7" x14ac:dyDescent="0.2">
      <c r="A538" s="351"/>
      <c r="B538" s="354"/>
      <c r="C538" s="288"/>
      <c r="D538" s="444"/>
      <c r="E538" s="362"/>
      <c r="F538" s="362"/>
      <c r="G538" s="362"/>
    </row>
    <row r="539" spans="1:7" x14ac:dyDescent="0.2">
      <c r="A539" s="351"/>
      <c r="B539" s="354"/>
      <c r="C539" s="288" t="s">
        <v>978</v>
      </c>
      <c r="D539" s="444"/>
      <c r="E539" s="362"/>
      <c r="F539" s="362"/>
      <c r="G539" s="362"/>
    </row>
    <row r="540" spans="1:7" x14ac:dyDescent="0.2">
      <c r="A540" s="351"/>
      <c r="B540" s="354"/>
      <c r="C540" s="288"/>
      <c r="D540" s="444"/>
      <c r="E540" s="362"/>
      <c r="F540" s="362"/>
      <c r="G540" s="362"/>
    </row>
    <row r="541" spans="1:7" x14ac:dyDescent="0.2">
      <c r="A541" s="351"/>
      <c r="B541" s="354"/>
      <c r="C541" s="288" t="s">
        <v>979</v>
      </c>
      <c r="D541" s="444"/>
      <c r="E541" s="362"/>
      <c r="F541" s="362"/>
      <c r="G541" s="362"/>
    </row>
    <row r="542" spans="1:7" x14ac:dyDescent="0.2">
      <c r="A542" s="351"/>
      <c r="B542" s="354"/>
      <c r="C542" s="288"/>
      <c r="D542" s="444"/>
      <c r="E542" s="362"/>
      <c r="F542" s="362"/>
      <c r="G542" s="362"/>
    </row>
    <row r="543" spans="1:7" x14ac:dyDescent="0.2">
      <c r="A543" s="351"/>
      <c r="B543" s="354"/>
      <c r="C543" s="288" t="s">
        <v>980</v>
      </c>
      <c r="D543" s="444"/>
      <c r="E543" s="362"/>
      <c r="F543" s="362"/>
      <c r="G543" s="362"/>
    </row>
    <row r="544" spans="1:7" x14ac:dyDescent="0.2">
      <c r="A544" s="351"/>
      <c r="B544" s="354"/>
      <c r="C544" s="288"/>
      <c r="D544" s="444"/>
      <c r="E544" s="362"/>
      <c r="F544" s="362"/>
      <c r="G544" s="362"/>
    </row>
    <row r="545" spans="1:7" x14ac:dyDescent="0.2">
      <c r="A545" s="351"/>
      <c r="B545" s="354"/>
      <c r="C545" s="288" t="s">
        <v>981</v>
      </c>
      <c r="D545" s="444"/>
      <c r="E545" s="362"/>
      <c r="F545" s="362"/>
      <c r="G545" s="362"/>
    </row>
    <row r="546" spans="1:7" ht="13.5" thickBot="1" x14ac:dyDescent="0.25">
      <c r="A546" s="352"/>
      <c r="B546" s="355"/>
      <c r="C546" s="289"/>
      <c r="D546" s="445"/>
      <c r="E546" s="363"/>
      <c r="F546" s="363"/>
      <c r="G546" s="363"/>
    </row>
    <row r="547" spans="1:7" ht="12.75" customHeight="1" x14ac:dyDescent="0.2">
      <c r="A547" s="433" t="s">
        <v>982</v>
      </c>
      <c r="B547" s="446" t="s">
        <v>1042</v>
      </c>
      <c r="C547" s="290" t="s">
        <v>983</v>
      </c>
      <c r="D547" s="315" t="s">
        <v>84</v>
      </c>
      <c r="E547" s="315" t="s">
        <v>84</v>
      </c>
      <c r="F547" s="315" t="s">
        <v>84</v>
      </c>
      <c r="G547" s="315" t="s">
        <v>84</v>
      </c>
    </row>
    <row r="548" spans="1:7" x14ac:dyDescent="0.2">
      <c r="A548" s="434"/>
      <c r="B548" s="447"/>
      <c r="C548" s="291" t="s">
        <v>984</v>
      </c>
      <c r="D548" s="316"/>
      <c r="E548" s="316"/>
      <c r="F548" s="316"/>
      <c r="G548" s="316"/>
    </row>
    <row r="549" spans="1:7" x14ac:dyDescent="0.2">
      <c r="A549" s="434"/>
      <c r="B549" s="447"/>
      <c r="C549" s="291" t="s">
        <v>985</v>
      </c>
      <c r="D549" s="316"/>
      <c r="E549" s="316"/>
      <c r="F549" s="316"/>
      <c r="G549" s="316"/>
    </row>
    <row r="550" spans="1:7" x14ac:dyDescent="0.2">
      <c r="A550" s="434"/>
      <c r="B550" s="447"/>
      <c r="C550" s="291" t="s">
        <v>986</v>
      </c>
      <c r="D550" s="316"/>
      <c r="E550" s="316"/>
      <c r="F550" s="316"/>
      <c r="G550" s="316"/>
    </row>
    <row r="551" spans="1:7" x14ac:dyDescent="0.2">
      <c r="A551" s="434"/>
      <c r="B551" s="447"/>
      <c r="C551" s="291" t="s">
        <v>987</v>
      </c>
      <c r="D551" s="316"/>
      <c r="E551" s="316"/>
      <c r="F551" s="316"/>
      <c r="G551" s="316"/>
    </row>
    <row r="552" spans="1:7" x14ac:dyDescent="0.2">
      <c r="A552" s="434"/>
      <c r="B552" s="447"/>
      <c r="C552" s="291" t="s">
        <v>988</v>
      </c>
      <c r="D552" s="316"/>
      <c r="E552" s="316"/>
      <c r="F552" s="316"/>
      <c r="G552" s="316"/>
    </row>
    <row r="553" spans="1:7" x14ac:dyDescent="0.2">
      <c r="A553" s="434"/>
      <c r="B553" s="447"/>
      <c r="C553" s="291" t="s">
        <v>989</v>
      </c>
      <c r="D553" s="316"/>
      <c r="E553" s="316"/>
      <c r="F553" s="316"/>
      <c r="G553" s="316"/>
    </row>
    <row r="554" spans="1:7" x14ac:dyDescent="0.2">
      <c r="A554" s="434"/>
      <c r="B554" s="447"/>
      <c r="C554" s="291" t="s">
        <v>990</v>
      </c>
      <c r="D554" s="316"/>
      <c r="E554" s="316"/>
      <c r="F554" s="316"/>
      <c r="G554" s="316"/>
    </row>
    <row r="555" spans="1:7" x14ac:dyDescent="0.2">
      <c r="A555" s="434"/>
      <c r="B555" s="447"/>
      <c r="C555" s="291" t="s">
        <v>991</v>
      </c>
      <c r="D555" s="316"/>
      <c r="E555" s="316"/>
      <c r="F555" s="316"/>
      <c r="G555" s="316"/>
    </row>
    <row r="556" spans="1:7" x14ac:dyDescent="0.2">
      <c r="A556" s="434"/>
      <c r="B556" s="447"/>
      <c r="C556" s="291" t="s">
        <v>992</v>
      </c>
      <c r="D556" s="316"/>
      <c r="E556" s="316"/>
      <c r="F556" s="316"/>
      <c r="G556" s="316"/>
    </row>
    <row r="557" spans="1:7" x14ac:dyDescent="0.2">
      <c r="A557" s="434"/>
      <c r="B557" s="447"/>
      <c r="C557" s="291" t="s">
        <v>993</v>
      </c>
      <c r="D557" s="316"/>
      <c r="E557" s="316"/>
      <c r="F557" s="316"/>
      <c r="G557" s="316"/>
    </row>
    <row r="558" spans="1:7" x14ac:dyDescent="0.2">
      <c r="A558" s="434"/>
      <c r="B558" s="447"/>
      <c r="C558" s="291" t="s">
        <v>994</v>
      </c>
      <c r="D558" s="316"/>
      <c r="E558" s="316"/>
      <c r="F558" s="316"/>
      <c r="G558" s="316"/>
    </row>
    <row r="559" spans="1:7" x14ac:dyDescent="0.2">
      <c r="A559" s="434"/>
      <c r="B559" s="447"/>
      <c r="C559" s="291" t="s">
        <v>995</v>
      </c>
      <c r="D559" s="316"/>
      <c r="E559" s="316"/>
      <c r="F559" s="316"/>
      <c r="G559" s="316"/>
    </row>
    <row r="560" spans="1:7" x14ac:dyDescent="0.2">
      <c r="A560" s="434"/>
      <c r="B560" s="447"/>
      <c r="C560" s="291" t="s">
        <v>996</v>
      </c>
      <c r="D560" s="316"/>
      <c r="E560" s="316"/>
      <c r="F560" s="316"/>
      <c r="G560" s="316"/>
    </row>
    <row r="561" spans="1:7" x14ac:dyDescent="0.2">
      <c r="A561" s="434"/>
      <c r="B561" s="447"/>
      <c r="C561" s="291" t="s">
        <v>997</v>
      </c>
      <c r="D561" s="316"/>
      <c r="E561" s="316"/>
      <c r="F561" s="316"/>
      <c r="G561" s="316"/>
    </row>
    <row r="562" spans="1:7" x14ac:dyDescent="0.2">
      <c r="A562" s="434"/>
      <c r="B562" s="447"/>
      <c r="C562" s="291" t="s">
        <v>998</v>
      </c>
      <c r="D562" s="316"/>
      <c r="E562" s="316"/>
      <c r="F562" s="316"/>
      <c r="G562" s="316"/>
    </row>
    <row r="563" spans="1:7" x14ac:dyDescent="0.2">
      <c r="A563" s="434"/>
      <c r="B563" s="447"/>
      <c r="C563" s="291" t="s">
        <v>999</v>
      </c>
      <c r="D563" s="316"/>
      <c r="E563" s="316"/>
      <c r="F563" s="316"/>
      <c r="G563" s="316"/>
    </row>
    <row r="564" spans="1:7" x14ac:dyDescent="0.2">
      <c r="A564" s="434"/>
      <c r="B564" s="447"/>
      <c r="C564" s="291" t="s">
        <v>1000</v>
      </c>
      <c r="D564" s="316"/>
      <c r="E564" s="316"/>
      <c r="F564" s="316"/>
      <c r="G564" s="316"/>
    </row>
    <row r="565" spans="1:7" x14ac:dyDescent="0.2">
      <c r="A565" s="434"/>
      <c r="B565" s="447"/>
      <c r="C565" s="291" t="s">
        <v>1001</v>
      </c>
      <c r="D565" s="316"/>
      <c r="E565" s="316"/>
      <c r="F565" s="316"/>
      <c r="G565" s="316"/>
    </row>
    <row r="566" spans="1:7" x14ac:dyDescent="0.2">
      <c r="A566" s="434"/>
      <c r="B566" s="447"/>
      <c r="C566" s="291" t="s">
        <v>1002</v>
      </c>
      <c r="D566" s="316"/>
      <c r="E566" s="316"/>
      <c r="F566" s="316"/>
      <c r="G566" s="316"/>
    </row>
    <row r="567" spans="1:7" x14ac:dyDescent="0.2">
      <c r="A567" s="434"/>
      <c r="B567" s="447"/>
      <c r="C567" s="291" t="s">
        <v>1003</v>
      </c>
      <c r="D567" s="316"/>
      <c r="E567" s="316"/>
      <c r="F567" s="316"/>
      <c r="G567" s="316"/>
    </row>
    <row r="568" spans="1:7" x14ac:dyDescent="0.2">
      <c r="A568" s="434"/>
      <c r="B568" s="447"/>
      <c r="C568" s="291" t="s">
        <v>1004</v>
      </c>
      <c r="D568" s="316"/>
      <c r="E568" s="316"/>
      <c r="F568" s="316"/>
      <c r="G568" s="316"/>
    </row>
    <row r="569" spans="1:7" x14ac:dyDescent="0.2">
      <c r="A569" s="434"/>
      <c r="B569" s="447"/>
      <c r="C569" s="291" t="s">
        <v>1005</v>
      </c>
      <c r="D569" s="316"/>
      <c r="E569" s="316"/>
      <c r="F569" s="316"/>
      <c r="G569" s="316"/>
    </row>
    <row r="570" spans="1:7" x14ac:dyDescent="0.2">
      <c r="A570" s="434"/>
      <c r="B570" s="447"/>
      <c r="C570" s="291" t="s">
        <v>1006</v>
      </c>
      <c r="D570" s="316"/>
      <c r="E570" s="316"/>
      <c r="F570" s="316"/>
      <c r="G570" s="316"/>
    </row>
    <row r="571" spans="1:7" x14ac:dyDescent="0.2">
      <c r="A571" s="434"/>
      <c r="B571" s="447"/>
      <c r="C571" s="291" t="s">
        <v>1007</v>
      </c>
      <c r="D571" s="316"/>
      <c r="E571" s="316"/>
      <c r="F571" s="316"/>
      <c r="G571" s="316"/>
    </row>
    <row r="572" spans="1:7" x14ac:dyDescent="0.2">
      <c r="A572" s="434"/>
      <c r="B572" s="447"/>
      <c r="C572" s="291" t="s">
        <v>1008</v>
      </c>
      <c r="D572" s="316"/>
      <c r="E572" s="316"/>
      <c r="F572" s="316"/>
      <c r="G572" s="316"/>
    </row>
    <row r="573" spans="1:7" x14ac:dyDescent="0.2">
      <c r="A573" s="434"/>
      <c r="B573" s="447"/>
      <c r="C573" s="291" t="s">
        <v>1009</v>
      </c>
      <c r="D573" s="316"/>
      <c r="E573" s="316"/>
      <c r="F573" s="316"/>
      <c r="G573" s="316"/>
    </row>
    <row r="574" spans="1:7" x14ac:dyDescent="0.2">
      <c r="A574" s="434"/>
      <c r="B574" s="447"/>
      <c r="C574" s="291" t="s">
        <v>1010</v>
      </c>
      <c r="D574" s="316"/>
      <c r="E574" s="316"/>
      <c r="F574" s="316"/>
      <c r="G574" s="316"/>
    </row>
    <row r="575" spans="1:7" x14ac:dyDescent="0.2">
      <c r="A575" s="434"/>
      <c r="B575" s="447"/>
      <c r="C575" s="291" t="s">
        <v>1011</v>
      </c>
      <c r="D575" s="316"/>
      <c r="E575" s="316"/>
      <c r="F575" s="316"/>
      <c r="G575" s="316"/>
    </row>
    <row r="576" spans="1:7" x14ac:dyDescent="0.2">
      <c r="A576" s="434"/>
      <c r="B576" s="447"/>
      <c r="C576" s="291" t="s">
        <v>1012</v>
      </c>
      <c r="D576" s="316"/>
      <c r="E576" s="316"/>
      <c r="F576" s="316"/>
      <c r="G576" s="316"/>
    </row>
    <row r="577" spans="1:7" x14ac:dyDescent="0.2">
      <c r="A577" s="434"/>
      <c r="B577" s="447"/>
      <c r="C577" s="291" t="s">
        <v>1013</v>
      </c>
      <c r="D577" s="316"/>
      <c r="E577" s="316"/>
      <c r="F577" s="316"/>
      <c r="G577" s="316"/>
    </row>
    <row r="578" spans="1:7" x14ac:dyDescent="0.2">
      <c r="A578" s="434"/>
      <c r="B578" s="447"/>
      <c r="C578" s="291" t="s">
        <v>1014</v>
      </c>
      <c r="D578" s="316"/>
      <c r="E578" s="316"/>
      <c r="F578" s="316"/>
      <c r="G578" s="316"/>
    </row>
    <row r="579" spans="1:7" x14ac:dyDescent="0.2">
      <c r="A579" s="434"/>
      <c r="B579" s="447"/>
      <c r="C579" s="291" t="s">
        <v>1015</v>
      </c>
      <c r="D579" s="316"/>
      <c r="E579" s="316"/>
      <c r="F579" s="316"/>
      <c r="G579" s="316"/>
    </row>
    <row r="580" spans="1:7" x14ac:dyDescent="0.2">
      <c r="A580" s="434"/>
      <c r="B580" s="447"/>
      <c r="C580" s="291" t="s">
        <v>1016</v>
      </c>
      <c r="D580" s="316"/>
      <c r="E580" s="316"/>
      <c r="F580" s="316"/>
      <c r="G580" s="316"/>
    </row>
    <row r="581" spans="1:7" x14ac:dyDescent="0.2">
      <c r="A581" s="434"/>
      <c r="B581" s="447"/>
      <c r="C581" s="291" t="s">
        <v>1017</v>
      </c>
      <c r="D581" s="316"/>
      <c r="E581" s="316"/>
      <c r="F581" s="316"/>
      <c r="G581" s="316"/>
    </row>
    <row r="582" spans="1:7" x14ac:dyDescent="0.2">
      <c r="A582" s="434"/>
      <c r="B582" s="447"/>
      <c r="C582" s="291" t="s">
        <v>1018</v>
      </c>
      <c r="D582" s="316"/>
      <c r="E582" s="316"/>
      <c r="F582" s="316"/>
      <c r="G582" s="316"/>
    </row>
    <row r="583" spans="1:7" x14ac:dyDescent="0.2">
      <c r="A583" s="434"/>
      <c r="B583" s="447"/>
      <c r="C583" s="291" t="s">
        <v>1019</v>
      </c>
      <c r="D583" s="316"/>
      <c r="E583" s="316"/>
      <c r="F583" s="316"/>
      <c r="G583" s="316"/>
    </row>
    <row r="584" spans="1:7" x14ac:dyDescent="0.2">
      <c r="A584" s="434"/>
      <c r="B584" s="447"/>
      <c r="C584" s="291" t="s">
        <v>1020</v>
      </c>
      <c r="D584" s="316"/>
      <c r="E584" s="316"/>
      <c r="F584" s="316"/>
      <c r="G584" s="316"/>
    </row>
    <row r="585" spans="1:7" x14ac:dyDescent="0.2">
      <c r="A585" s="434"/>
      <c r="B585" s="447"/>
      <c r="C585" s="291" t="s">
        <v>1021</v>
      </c>
      <c r="D585" s="316"/>
      <c r="E585" s="316"/>
      <c r="F585" s="316"/>
      <c r="G585" s="316"/>
    </row>
    <row r="586" spans="1:7" x14ac:dyDescent="0.2">
      <c r="A586" s="434"/>
      <c r="B586" s="447"/>
      <c r="C586" s="291" t="s">
        <v>1022</v>
      </c>
      <c r="D586" s="316"/>
      <c r="E586" s="316"/>
      <c r="F586" s="316"/>
      <c r="G586" s="316"/>
    </row>
    <row r="587" spans="1:7" x14ac:dyDescent="0.2">
      <c r="A587" s="434"/>
      <c r="B587" s="447"/>
      <c r="C587" s="291" t="s">
        <v>1023</v>
      </c>
      <c r="D587" s="316"/>
      <c r="E587" s="316"/>
      <c r="F587" s="316"/>
      <c r="G587" s="316"/>
    </row>
    <row r="588" spans="1:7" x14ac:dyDescent="0.2">
      <c r="A588" s="434"/>
      <c r="B588" s="447"/>
      <c r="C588" s="291" t="s">
        <v>1024</v>
      </c>
      <c r="D588" s="316"/>
      <c r="E588" s="316"/>
      <c r="F588" s="316"/>
      <c r="G588" s="316"/>
    </row>
    <row r="589" spans="1:7" x14ac:dyDescent="0.2">
      <c r="A589" s="434"/>
      <c r="B589" s="447"/>
      <c r="C589" s="291" t="s">
        <v>1025</v>
      </c>
      <c r="D589" s="316"/>
      <c r="E589" s="316"/>
      <c r="F589" s="316"/>
      <c r="G589" s="316"/>
    </row>
    <row r="590" spans="1:7" x14ac:dyDescent="0.2">
      <c r="A590" s="434"/>
      <c r="B590" s="447"/>
      <c r="C590" s="291" t="s">
        <v>1026</v>
      </c>
      <c r="D590" s="316"/>
      <c r="E590" s="316"/>
      <c r="F590" s="316"/>
      <c r="G590" s="316"/>
    </row>
    <row r="591" spans="1:7" x14ac:dyDescent="0.2">
      <c r="A591" s="434"/>
      <c r="B591" s="447"/>
      <c r="C591" s="291" t="s">
        <v>1027</v>
      </c>
      <c r="D591" s="316"/>
      <c r="E591" s="316"/>
      <c r="F591" s="316"/>
      <c r="G591" s="316"/>
    </row>
    <row r="592" spans="1:7" x14ac:dyDescent="0.2">
      <c r="A592" s="434"/>
      <c r="B592" s="447"/>
      <c r="C592" s="291" t="s">
        <v>1028</v>
      </c>
      <c r="D592" s="316"/>
      <c r="E592" s="316"/>
      <c r="F592" s="316"/>
      <c r="G592" s="316"/>
    </row>
    <row r="593" spans="1:7" x14ac:dyDescent="0.2">
      <c r="A593" s="434"/>
      <c r="B593" s="447"/>
      <c r="C593" s="291" t="s">
        <v>1029</v>
      </c>
      <c r="D593" s="316"/>
      <c r="E593" s="316"/>
      <c r="F593" s="316"/>
      <c r="G593" s="316"/>
    </row>
    <row r="594" spans="1:7" x14ac:dyDescent="0.2">
      <c r="A594" s="434"/>
      <c r="B594" s="447"/>
      <c r="C594" s="291" t="s">
        <v>1030</v>
      </c>
      <c r="D594" s="316"/>
      <c r="E594" s="316"/>
      <c r="F594" s="316"/>
      <c r="G594" s="316"/>
    </row>
    <row r="595" spans="1:7" x14ac:dyDescent="0.2">
      <c r="A595" s="434"/>
      <c r="B595" s="447"/>
      <c r="C595" s="291" t="s">
        <v>1031</v>
      </c>
      <c r="D595" s="316"/>
      <c r="E595" s="316"/>
      <c r="F595" s="316"/>
      <c r="G595" s="316"/>
    </row>
    <row r="596" spans="1:7" x14ac:dyDescent="0.2">
      <c r="A596" s="434"/>
      <c r="B596" s="447"/>
      <c r="C596" s="291" t="s">
        <v>1032</v>
      </c>
      <c r="D596" s="316"/>
      <c r="E596" s="316"/>
      <c r="F596" s="316"/>
      <c r="G596" s="316"/>
    </row>
    <row r="597" spans="1:7" x14ac:dyDescent="0.2">
      <c r="A597" s="434"/>
      <c r="B597" s="447"/>
      <c r="C597" s="291" t="s">
        <v>1033</v>
      </c>
      <c r="D597" s="316"/>
      <c r="E597" s="316"/>
      <c r="F597" s="316"/>
      <c r="G597" s="316"/>
    </row>
    <row r="598" spans="1:7" x14ac:dyDescent="0.2">
      <c r="A598" s="434"/>
      <c r="B598" s="447"/>
      <c r="C598" s="291" t="s">
        <v>1034</v>
      </c>
      <c r="D598" s="316"/>
      <c r="E598" s="316"/>
      <c r="F598" s="316"/>
      <c r="G598" s="316"/>
    </row>
    <row r="599" spans="1:7" x14ac:dyDescent="0.2">
      <c r="A599" s="434"/>
      <c r="B599" s="447"/>
      <c r="C599" s="291" t="s">
        <v>1035</v>
      </c>
      <c r="D599" s="316"/>
      <c r="E599" s="316"/>
      <c r="F599" s="316"/>
      <c r="G599" s="316"/>
    </row>
    <row r="600" spans="1:7" x14ac:dyDescent="0.2">
      <c r="A600" s="434"/>
      <c r="B600" s="447"/>
      <c r="C600" s="291" t="s">
        <v>1036</v>
      </c>
      <c r="D600" s="316"/>
      <c r="E600" s="316"/>
      <c r="F600" s="316"/>
      <c r="G600" s="316"/>
    </row>
    <row r="601" spans="1:7" x14ac:dyDescent="0.2">
      <c r="A601" s="434"/>
      <c r="B601" s="447"/>
      <c r="C601" s="291" t="s">
        <v>1037</v>
      </c>
      <c r="D601" s="316"/>
      <c r="E601" s="316"/>
      <c r="F601" s="316"/>
      <c r="G601" s="316"/>
    </row>
    <row r="602" spans="1:7" x14ac:dyDescent="0.2">
      <c r="A602" s="434"/>
      <c r="B602" s="447"/>
      <c r="C602" s="291" t="s">
        <v>1038</v>
      </c>
      <c r="D602" s="316"/>
      <c r="E602" s="316"/>
      <c r="F602" s="316"/>
      <c r="G602" s="316"/>
    </row>
    <row r="603" spans="1:7" x14ac:dyDescent="0.2">
      <c r="A603" s="434"/>
      <c r="B603" s="447"/>
      <c r="C603" s="291" t="s">
        <v>1039</v>
      </c>
      <c r="D603" s="316"/>
      <c r="E603" s="316"/>
      <c r="F603" s="316"/>
      <c r="G603" s="316"/>
    </row>
    <row r="604" spans="1:7" x14ac:dyDescent="0.2">
      <c r="A604" s="434"/>
      <c r="B604" s="447"/>
      <c r="C604" s="291" t="s">
        <v>1040</v>
      </c>
      <c r="D604" s="316"/>
      <c r="E604" s="316"/>
      <c r="F604" s="316"/>
      <c r="G604" s="316"/>
    </row>
    <row r="605" spans="1:7" ht="13.5" thickBot="1" x14ac:dyDescent="0.25">
      <c r="A605" s="434"/>
      <c r="B605" s="448"/>
      <c r="C605" s="292" t="s">
        <v>1041</v>
      </c>
      <c r="D605" s="317"/>
      <c r="E605" s="317"/>
      <c r="F605" s="317"/>
      <c r="G605" s="317"/>
    </row>
    <row r="606" spans="1:7" x14ac:dyDescent="0.2">
      <c r="A606" s="296"/>
      <c r="B606" s="440" t="s">
        <v>1150</v>
      </c>
      <c r="C606" s="155" t="s">
        <v>1155</v>
      </c>
      <c r="D606" s="339" t="s">
        <v>84</v>
      </c>
      <c r="E606" s="339" t="s">
        <v>84</v>
      </c>
      <c r="F606" s="339" t="s">
        <v>84</v>
      </c>
      <c r="G606" s="339" t="s">
        <v>84</v>
      </c>
    </row>
    <row r="607" spans="1:7" x14ac:dyDescent="0.2">
      <c r="A607" s="297"/>
      <c r="B607" s="441"/>
      <c r="C607" s="156" t="s">
        <v>1156</v>
      </c>
      <c r="D607" s="340"/>
      <c r="E607" s="340"/>
      <c r="F607" s="340"/>
      <c r="G607" s="340"/>
    </row>
    <row r="608" spans="1:7" x14ac:dyDescent="0.2">
      <c r="A608" s="297"/>
      <c r="B608" s="441"/>
      <c r="C608" s="281" t="s">
        <v>1157</v>
      </c>
      <c r="D608" s="340"/>
      <c r="E608" s="340"/>
      <c r="F608" s="340"/>
      <c r="G608" s="340"/>
    </row>
    <row r="609" spans="1:7" x14ac:dyDescent="0.2">
      <c r="A609" s="300"/>
      <c r="B609" s="441"/>
      <c r="C609" s="281" t="s">
        <v>1158</v>
      </c>
      <c r="D609" s="340"/>
      <c r="E609" s="340"/>
      <c r="F609" s="340"/>
      <c r="G609" s="340"/>
    </row>
    <row r="610" spans="1:7" x14ac:dyDescent="0.2">
      <c r="A610" s="301"/>
      <c r="B610" s="441"/>
      <c r="C610" s="281" t="s">
        <v>1159</v>
      </c>
      <c r="D610" s="340"/>
      <c r="E610" s="340"/>
      <c r="F610" s="340"/>
      <c r="G610" s="340"/>
    </row>
    <row r="611" spans="1:7" x14ac:dyDescent="0.2">
      <c r="A611" s="297" t="s">
        <v>1154</v>
      </c>
      <c r="B611" s="441"/>
      <c r="C611" s="281" t="s">
        <v>1160</v>
      </c>
      <c r="D611" s="340"/>
      <c r="E611" s="340"/>
      <c r="F611" s="340"/>
      <c r="G611" s="340"/>
    </row>
    <row r="612" spans="1:7" x14ac:dyDescent="0.2">
      <c r="A612" s="301"/>
      <c r="B612" s="441"/>
      <c r="C612" s="281" t="s">
        <v>1161</v>
      </c>
      <c r="D612" s="340"/>
      <c r="E612" s="340"/>
      <c r="F612" s="340"/>
      <c r="G612" s="340"/>
    </row>
    <row r="613" spans="1:7" x14ac:dyDescent="0.2">
      <c r="A613" s="301"/>
      <c r="B613" s="441"/>
      <c r="C613" s="281" t="s">
        <v>1162</v>
      </c>
      <c r="D613" s="340"/>
      <c r="E613" s="340"/>
      <c r="F613" s="340"/>
      <c r="G613" s="340"/>
    </row>
    <row r="614" spans="1:7" x14ac:dyDescent="0.2">
      <c r="A614" s="301"/>
      <c r="B614" s="441"/>
      <c r="C614" s="281" t="s">
        <v>1163</v>
      </c>
      <c r="D614" s="340"/>
      <c r="E614" s="340"/>
      <c r="F614" s="340"/>
      <c r="G614" s="340"/>
    </row>
    <row r="615" spans="1:7" x14ac:dyDescent="0.2">
      <c r="A615" s="301"/>
      <c r="B615" s="441"/>
      <c r="C615" s="281" t="s">
        <v>1164</v>
      </c>
      <c r="D615" s="340"/>
      <c r="E615" s="340"/>
      <c r="F615" s="340"/>
      <c r="G615" s="340"/>
    </row>
    <row r="616" spans="1:7" ht="13.5" thickBot="1" x14ac:dyDescent="0.25">
      <c r="A616" s="302"/>
      <c r="B616" s="442"/>
      <c r="C616" s="157"/>
      <c r="D616" s="341"/>
      <c r="E616" s="341"/>
      <c r="F616" s="341"/>
      <c r="G616" s="341"/>
    </row>
    <row r="617" spans="1:7" ht="39" thickBot="1" x14ac:dyDescent="0.25">
      <c r="A617" s="164" t="s">
        <v>1165</v>
      </c>
      <c r="B617" s="173" t="s">
        <v>1166</v>
      </c>
      <c r="C617" s="161" t="s">
        <v>1169</v>
      </c>
      <c r="D617" s="299" t="s">
        <v>84</v>
      </c>
      <c r="E617" s="299" t="s">
        <v>84</v>
      </c>
      <c r="F617" s="299" t="s">
        <v>84</v>
      </c>
      <c r="G617" s="299" t="s">
        <v>84</v>
      </c>
    </row>
    <row r="618" spans="1:7" ht="39" thickBot="1" x14ac:dyDescent="0.25">
      <c r="A618" s="298" t="s">
        <v>1165</v>
      </c>
      <c r="B618" s="303" t="s">
        <v>1166</v>
      </c>
      <c r="C618" s="157" t="s">
        <v>1170</v>
      </c>
      <c r="D618" s="299" t="s">
        <v>84</v>
      </c>
      <c r="E618" s="299" t="s">
        <v>84</v>
      </c>
      <c r="F618" s="299" t="s">
        <v>84</v>
      </c>
      <c r="G618" s="299" t="s">
        <v>84</v>
      </c>
    </row>
    <row r="619" spans="1:7" ht="39" thickBot="1" x14ac:dyDescent="0.25">
      <c r="A619" s="298" t="s">
        <v>1165</v>
      </c>
      <c r="B619" s="303" t="s">
        <v>1166</v>
      </c>
      <c r="C619" s="157" t="s">
        <v>1171</v>
      </c>
      <c r="D619" s="299" t="s">
        <v>84</v>
      </c>
      <c r="E619" s="299" t="s">
        <v>84</v>
      </c>
      <c r="F619" s="299" t="s">
        <v>84</v>
      </c>
      <c r="G619" s="299" t="s">
        <v>84</v>
      </c>
    </row>
    <row r="620" spans="1:7" ht="39" thickBot="1" x14ac:dyDescent="0.25">
      <c r="A620" s="298" t="s">
        <v>1165</v>
      </c>
      <c r="B620" s="303" t="s">
        <v>1166</v>
      </c>
      <c r="C620" s="157" t="s">
        <v>1172</v>
      </c>
      <c r="D620" s="299" t="s">
        <v>84</v>
      </c>
      <c r="E620" s="299" t="s">
        <v>84</v>
      </c>
      <c r="F620" s="299" t="s">
        <v>84</v>
      </c>
      <c r="G620" s="299" t="s">
        <v>84</v>
      </c>
    </row>
  </sheetData>
  <mergeCells count="543">
    <mergeCell ref="C507:C508"/>
    <mergeCell ref="D507:D508"/>
    <mergeCell ref="E507:E508"/>
    <mergeCell ref="F507:F508"/>
    <mergeCell ref="G507:G508"/>
    <mergeCell ref="E497:E498"/>
    <mergeCell ref="F497:F498"/>
    <mergeCell ref="G497:G498"/>
    <mergeCell ref="C499:C500"/>
    <mergeCell ref="D499:D500"/>
    <mergeCell ref="E499:E500"/>
    <mergeCell ref="F499:F500"/>
    <mergeCell ref="G499:G500"/>
    <mergeCell ref="C497:C498"/>
    <mergeCell ref="D497:D498"/>
    <mergeCell ref="C501:C502"/>
    <mergeCell ref="D501:D502"/>
    <mergeCell ref="E501:E502"/>
    <mergeCell ref="F501:F502"/>
    <mergeCell ref="G501:G502"/>
    <mergeCell ref="C503:C504"/>
    <mergeCell ref="D503:D504"/>
    <mergeCell ref="E503:E504"/>
    <mergeCell ref="F503:F504"/>
    <mergeCell ref="G503:G504"/>
    <mergeCell ref="C505:C506"/>
    <mergeCell ref="D505:D506"/>
    <mergeCell ref="C493:C494"/>
    <mergeCell ref="D493:D494"/>
    <mergeCell ref="E493:E494"/>
    <mergeCell ref="F493:F494"/>
    <mergeCell ref="G493:G494"/>
    <mergeCell ref="C495:C496"/>
    <mergeCell ref="D495:D496"/>
    <mergeCell ref="E495:E496"/>
    <mergeCell ref="F495:F496"/>
    <mergeCell ref="G495:G496"/>
    <mergeCell ref="E505:E506"/>
    <mergeCell ref="F505:F506"/>
    <mergeCell ref="G505:G506"/>
    <mergeCell ref="C489:C490"/>
    <mergeCell ref="D489:D490"/>
    <mergeCell ref="E489:E490"/>
    <mergeCell ref="F489:F490"/>
    <mergeCell ref="G489:G490"/>
    <mergeCell ref="C491:C492"/>
    <mergeCell ref="D491:D492"/>
    <mergeCell ref="E491:E492"/>
    <mergeCell ref="F491:F492"/>
    <mergeCell ref="G491:G492"/>
    <mergeCell ref="C485:C486"/>
    <mergeCell ref="D485:D486"/>
    <mergeCell ref="E485:E486"/>
    <mergeCell ref="F485:F486"/>
    <mergeCell ref="G485:G486"/>
    <mergeCell ref="C487:C488"/>
    <mergeCell ref="D487:D488"/>
    <mergeCell ref="E487:E488"/>
    <mergeCell ref="F487:F488"/>
    <mergeCell ref="G487:G488"/>
    <mergeCell ref="C481:C482"/>
    <mergeCell ref="D481:D482"/>
    <mergeCell ref="E481:E482"/>
    <mergeCell ref="F481:F482"/>
    <mergeCell ref="G481:G482"/>
    <mergeCell ref="C483:C484"/>
    <mergeCell ref="D483:D484"/>
    <mergeCell ref="E483:E484"/>
    <mergeCell ref="F483:F484"/>
    <mergeCell ref="G483:G484"/>
    <mergeCell ref="C477:C478"/>
    <mergeCell ref="D477:D478"/>
    <mergeCell ref="E477:E478"/>
    <mergeCell ref="F477:F478"/>
    <mergeCell ref="G477:G478"/>
    <mergeCell ref="C479:C480"/>
    <mergeCell ref="D479:D480"/>
    <mergeCell ref="E479:E480"/>
    <mergeCell ref="F479:F480"/>
    <mergeCell ref="G479:G480"/>
    <mergeCell ref="C473:C474"/>
    <mergeCell ref="D473:D474"/>
    <mergeCell ref="E473:E474"/>
    <mergeCell ref="F473:F474"/>
    <mergeCell ref="G473:G474"/>
    <mergeCell ref="C475:C476"/>
    <mergeCell ref="D475:D476"/>
    <mergeCell ref="E475:E476"/>
    <mergeCell ref="F475:F476"/>
    <mergeCell ref="G475:G476"/>
    <mergeCell ref="C469:C470"/>
    <mergeCell ref="D469:D470"/>
    <mergeCell ref="E469:E470"/>
    <mergeCell ref="F469:F470"/>
    <mergeCell ref="G469:G470"/>
    <mergeCell ref="C471:C472"/>
    <mergeCell ref="D471:D472"/>
    <mergeCell ref="E471:E472"/>
    <mergeCell ref="F471:F472"/>
    <mergeCell ref="G471:G472"/>
    <mergeCell ref="C465:C466"/>
    <mergeCell ref="D465:D466"/>
    <mergeCell ref="E465:E466"/>
    <mergeCell ref="F465:F466"/>
    <mergeCell ref="G465:G466"/>
    <mergeCell ref="C467:C468"/>
    <mergeCell ref="D467:D468"/>
    <mergeCell ref="E467:E468"/>
    <mergeCell ref="F467:F468"/>
    <mergeCell ref="G467:G468"/>
    <mergeCell ref="C461:C462"/>
    <mergeCell ref="D461:D462"/>
    <mergeCell ref="E461:E462"/>
    <mergeCell ref="F461:F462"/>
    <mergeCell ref="G461:G462"/>
    <mergeCell ref="C463:C464"/>
    <mergeCell ref="D463:D464"/>
    <mergeCell ref="E463:E464"/>
    <mergeCell ref="F463:F464"/>
    <mergeCell ref="G463:G464"/>
    <mergeCell ref="C457:C458"/>
    <mergeCell ref="D457:D458"/>
    <mergeCell ref="E457:E458"/>
    <mergeCell ref="F457:F458"/>
    <mergeCell ref="G457:G458"/>
    <mergeCell ref="C459:C460"/>
    <mergeCell ref="D459:D460"/>
    <mergeCell ref="E459:E460"/>
    <mergeCell ref="F459:F460"/>
    <mergeCell ref="G459:G460"/>
    <mergeCell ref="C453:C454"/>
    <mergeCell ref="D453:D454"/>
    <mergeCell ref="E453:E454"/>
    <mergeCell ref="F453:F454"/>
    <mergeCell ref="G453:G454"/>
    <mergeCell ref="C455:C456"/>
    <mergeCell ref="D455:D456"/>
    <mergeCell ref="E455:E456"/>
    <mergeCell ref="F455:F456"/>
    <mergeCell ref="G455:G456"/>
    <mergeCell ref="C449:C450"/>
    <mergeCell ref="D449:D450"/>
    <mergeCell ref="E449:E450"/>
    <mergeCell ref="F449:F450"/>
    <mergeCell ref="G449:G450"/>
    <mergeCell ref="C451:C452"/>
    <mergeCell ref="D451:D452"/>
    <mergeCell ref="E451:E452"/>
    <mergeCell ref="F451:F452"/>
    <mergeCell ref="G451:G452"/>
    <mergeCell ref="A371:A379"/>
    <mergeCell ref="B371:B379"/>
    <mergeCell ref="D348:G348"/>
    <mergeCell ref="D349:G349"/>
    <mergeCell ref="D350:G350"/>
    <mergeCell ref="D351:G351"/>
    <mergeCell ref="D352:G352"/>
    <mergeCell ref="D353:G353"/>
    <mergeCell ref="D354:G354"/>
    <mergeCell ref="D355:G355"/>
    <mergeCell ref="D336:G336"/>
    <mergeCell ref="D337:G337"/>
    <mergeCell ref="A320:A337"/>
    <mergeCell ref="B320:B337"/>
    <mergeCell ref="D333:G333"/>
    <mergeCell ref="D332:G332"/>
    <mergeCell ref="D334:G334"/>
    <mergeCell ref="D335:G335"/>
    <mergeCell ref="D328:G328"/>
    <mergeCell ref="D329:G329"/>
    <mergeCell ref="D327:G327"/>
    <mergeCell ref="D330:G330"/>
    <mergeCell ref="D331:G331"/>
    <mergeCell ref="A185:A200"/>
    <mergeCell ref="B185:B200"/>
    <mergeCell ref="C107:C109"/>
    <mergeCell ref="E102:E103"/>
    <mergeCell ref="F102:F103"/>
    <mergeCell ref="A157:A160"/>
    <mergeCell ref="B157:B160"/>
    <mergeCell ref="A128:A132"/>
    <mergeCell ref="B128:B132"/>
    <mergeCell ref="C128:C132"/>
    <mergeCell ref="D128:D132"/>
    <mergeCell ref="A122:A124"/>
    <mergeCell ref="B122:B124"/>
    <mergeCell ref="C122:C124"/>
    <mergeCell ref="D122:D124"/>
    <mergeCell ref="A125:A127"/>
    <mergeCell ref="B125:B127"/>
    <mergeCell ref="C125:C127"/>
    <mergeCell ref="D125:D127"/>
    <mergeCell ref="B170:B184"/>
    <mergeCell ref="A170:A184"/>
    <mergeCell ref="A165:A167"/>
    <mergeCell ref="B165:B167"/>
    <mergeCell ref="C165:C167"/>
    <mergeCell ref="E2:F2"/>
    <mergeCell ref="G2:G3"/>
    <mergeCell ref="A27:A28"/>
    <mergeCell ref="B27:B28"/>
    <mergeCell ref="A41:A42"/>
    <mergeCell ref="B41:B42"/>
    <mergeCell ref="C41:C42"/>
    <mergeCell ref="D41:D42"/>
    <mergeCell ref="B60:B61"/>
    <mergeCell ref="C60:C61"/>
    <mergeCell ref="D60:D61"/>
    <mergeCell ref="E60:E61"/>
    <mergeCell ref="F60:F61"/>
    <mergeCell ref="G60:G61"/>
    <mergeCell ref="B58:B59"/>
    <mergeCell ref="C58:C59"/>
    <mergeCell ref="D58:D59"/>
    <mergeCell ref="E58:E59"/>
    <mergeCell ref="F58:F59"/>
    <mergeCell ref="E41:E42"/>
    <mergeCell ref="F41:F42"/>
    <mergeCell ref="G41:G42"/>
    <mergeCell ref="C43:C44"/>
    <mergeCell ref="D43:D44"/>
    <mergeCell ref="A1:C1"/>
    <mergeCell ref="A2:A3"/>
    <mergeCell ref="B2:B3"/>
    <mergeCell ref="C2:C3"/>
    <mergeCell ref="A23:A26"/>
    <mergeCell ref="B23:B26"/>
    <mergeCell ref="A7:A20"/>
    <mergeCell ref="B7:B20"/>
    <mergeCell ref="A33:A36"/>
    <mergeCell ref="B33:B36"/>
    <mergeCell ref="C86:C88"/>
    <mergeCell ref="F76:F77"/>
    <mergeCell ref="A78:A79"/>
    <mergeCell ref="B78:B79"/>
    <mergeCell ref="C78:C79"/>
    <mergeCell ref="D78:D79"/>
    <mergeCell ref="E78:E79"/>
    <mergeCell ref="G68:G69"/>
    <mergeCell ref="A68:A69"/>
    <mergeCell ref="B68:B69"/>
    <mergeCell ref="C68:C69"/>
    <mergeCell ref="D68:D69"/>
    <mergeCell ref="E68:E69"/>
    <mergeCell ref="F68:F69"/>
    <mergeCell ref="B119:B121"/>
    <mergeCell ref="E43:E44"/>
    <mergeCell ref="F43:F44"/>
    <mergeCell ref="G43:G44"/>
    <mergeCell ref="G58:G59"/>
    <mergeCell ref="E80:E81"/>
    <mergeCell ref="A82:A83"/>
    <mergeCell ref="B82:B83"/>
    <mergeCell ref="C82:C83"/>
    <mergeCell ref="B91:B93"/>
    <mergeCell ref="C91:C93"/>
    <mergeCell ref="D91:D93"/>
    <mergeCell ref="A76:A77"/>
    <mergeCell ref="B76:B77"/>
    <mergeCell ref="C76:C77"/>
    <mergeCell ref="D76:D77"/>
    <mergeCell ref="D82:D83"/>
    <mergeCell ref="A91:A93"/>
    <mergeCell ref="A84:A85"/>
    <mergeCell ref="B84:B85"/>
    <mergeCell ref="C84:C85"/>
    <mergeCell ref="D84:D85"/>
    <mergeCell ref="A86:A88"/>
    <mergeCell ref="B86:B88"/>
    <mergeCell ref="A107:A109"/>
    <mergeCell ref="B107:B109"/>
    <mergeCell ref="D86:D88"/>
    <mergeCell ref="A89:A90"/>
    <mergeCell ref="B89:B90"/>
    <mergeCell ref="C89:C90"/>
    <mergeCell ref="D165:D167"/>
    <mergeCell ref="A80:A81"/>
    <mergeCell ref="B80:B81"/>
    <mergeCell ref="C80:C81"/>
    <mergeCell ref="D80:D81"/>
    <mergeCell ref="D107:D109"/>
    <mergeCell ref="A110:A112"/>
    <mergeCell ref="B110:B112"/>
    <mergeCell ref="C110:C112"/>
    <mergeCell ref="D89:D90"/>
    <mergeCell ref="A102:A103"/>
    <mergeCell ref="B102:B103"/>
    <mergeCell ref="C102:C103"/>
    <mergeCell ref="D102:D103"/>
    <mergeCell ref="A94:A96"/>
    <mergeCell ref="B94:B96"/>
    <mergeCell ref="D116:D118"/>
    <mergeCell ref="A119:A121"/>
    <mergeCell ref="B213:B319"/>
    <mergeCell ref="A213:A319"/>
    <mergeCell ref="E165:E167"/>
    <mergeCell ref="F165:F167"/>
    <mergeCell ref="G165:G167"/>
    <mergeCell ref="C94:C96"/>
    <mergeCell ref="D94:D96"/>
    <mergeCell ref="A98:A100"/>
    <mergeCell ref="B98:B100"/>
    <mergeCell ref="C98:C100"/>
    <mergeCell ref="D98:D100"/>
    <mergeCell ref="C119:C121"/>
    <mergeCell ref="D119:D121"/>
    <mergeCell ref="G102:G103"/>
    <mergeCell ref="A104:A106"/>
    <mergeCell ref="B104:B106"/>
    <mergeCell ref="C104:C106"/>
    <mergeCell ref="D104:D106"/>
    <mergeCell ref="A113:A115"/>
    <mergeCell ref="B113:B115"/>
    <mergeCell ref="C113:C115"/>
    <mergeCell ref="A116:A118"/>
    <mergeCell ref="B116:B118"/>
    <mergeCell ref="C116:C118"/>
    <mergeCell ref="C380:C381"/>
    <mergeCell ref="D380:D381"/>
    <mergeCell ref="E380:E381"/>
    <mergeCell ref="F380:F381"/>
    <mergeCell ref="G380:G381"/>
    <mergeCell ref="C382:C383"/>
    <mergeCell ref="D382:D383"/>
    <mergeCell ref="E382:E383"/>
    <mergeCell ref="F382:F383"/>
    <mergeCell ref="G382:G383"/>
    <mergeCell ref="C384:C385"/>
    <mergeCell ref="D384:D385"/>
    <mergeCell ref="E384:E385"/>
    <mergeCell ref="F384:F385"/>
    <mergeCell ref="G384:G385"/>
    <mergeCell ref="C386:C387"/>
    <mergeCell ref="D386:D387"/>
    <mergeCell ref="E386:E387"/>
    <mergeCell ref="F386:F387"/>
    <mergeCell ref="G386:G387"/>
    <mergeCell ref="C388:C389"/>
    <mergeCell ref="D388:D389"/>
    <mergeCell ref="E388:E389"/>
    <mergeCell ref="F388:F389"/>
    <mergeCell ref="G388:G389"/>
    <mergeCell ref="C390:C391"/>
    <mergeCell ref="D390:D391"/>
    <mergeCell ref="E390:E391"/>
    <mergeCell ref="F390:F391"/>
    <mergeCell ref="G390:G391"/>
    <mergeCell ref="C392:C393"/>
    <mergeCell ref="D392:D393"/>
    <mergeCell ref="E392:E393"/>
    <mergeCell ref="F392:F393"/>
    <mergeCell ref="G392:G393"/>
    <mergeCell ref="C394:C395"/>
    <mergeCell ref="D394:D395"/>
    <mergeCell ref="E394:E395"/>
    <mergeCell ref="F394:F395"/>
    <mergeCell ref="G394:G395"/>
    <mergeCell ref="C396:C397"/>
    <mergeCell ref="D396:D397"/>
    <mergeCell ref="E396:E397"/>
    <mergeCell ref="F396:F397"/>
    <mergeCell ref="G396:G397"/>
    <mergeCell ref="C398:C399"/>
    <mergeCell ref="D398:D399"/>
    <mergeCell ref="E398:E399"/>
    <mergeCell ref="F398:F399"/>
    <mergeCell ref="G398:G399"/>
    <mergeCell ref="C400:C401"/>
    <mergeCell ref="D400:D401"/>
    <mergeCell ref="E400:E401"/>
    <mergeCell ref="F400:F401"/>
    <mergeCell ref="G400:G401"/>
    <mergeCell ref="C402:C403"/>
    <mergeCell ref="D402:D403"/>
    <mergeCell ref="E402:E403"/>
    <mergeCell ref="F402:F403"/>
    <mergeCell ref="G402:G403"/>
    <mergeCell ref="C404:C405"/>
    <mergeCell ref="D404:D405"/>
    <mergeCell ref="E404:E405"/>
    <mergeCell ref="F404:F405"/>
    <mergeCell ref="G404:G405"/>
    <mergeCell ref="C406:C407"/>
    <mergeCell ref="D406:D407"/>
    <mergeCell ref="E406:E407"/>
    <mergeCell ref="F406:F407"/>
    <mergeCell ref="G406:G407"/>
    <mergeCell ref="C408:C409"/>
    <mergeCell ref="D408:D409"/>
    <mergeCell ref="E408:E409"/>
    <mergeCell ref="F408:F409"/>
    <mergeCell ref="G408:G409"/>
    <mergeCell ref="C410:C411"/>
    <mergeCell ref="D410:D411"/>
    <mergeCell ref="E410:E411"/>
    <mergeCell ref="F410:F411"/>
    <mergeCell ref="G410:G411"/>
    <mergeCell ref="C412:C413"/>
    <mergeCell ref="D412:D413"/>
    <mergeCell ref="E412:E413"/>
    <mergeCell ref="F412:F413"/>
    <mergeCell ref="G412:G413"/>
    <mergeCell ref="C414:C415"/>
    <mergeCell ref="D414:D415"/>
    <mergeCell ref="E414:E415"/>
    <mergeCell ref="F414:F415"/>
    <mergeCell ref="G414:G415"/>
    <mergeCell ref="C416:C417"/>
    <mergeCell ref="D416:D417"/>
    <mergeCell ref="E416:E417"/>
    <mergeCell ref="F416:F417"/>
    <mergeCell ref="G416:G417"/>
    <mergeCell ref="C418:C419"/>
    <mergeCell ref="D418:D419"/>
    <mergeCell ref="E418:E419"/>
    <mergeCell ref="F418:F419"/>
    <mergeCell ref="G418:G419"/>
    <mergeCell ref="C420:C421"/>
    <mergeCell ref="D420:D421"/>
    <mergeCell ref="E420:E421"/>
    <mergeCell ref="F420:F421"/>
    <mergeCell ref="G420:G421"/>
    <mergeCell ref="C422:C423"/>
    <mergeCell ref="D422:D423"/>
    <mergeCell ref="E422:E423"/>
    <mergeCell ref="F422:F423"/>
    <mergeCell ref="G422:G423"/>
    <mergeCell ref="C424:C425"/>
    <mergeCell ref="D424:D425"/>
    <mergeCell ref="E424:E425"/>
    <mergeCell ref="F424:F425"/>
    <mergeCell ref="G424:G425"/>
    <mergeCell ref="C426:C427"/>
    <mergeCell ref="D426:D427"/>
    <mergeCell ref="E426:E427"/>
    <mergeCell ref="F426:F427"/>
    <mergeCell ref="G426:G427"/>
    <mergeCell ref="C428:C429"/>
    <mergeCell ref="D428:D429"/>
    <mergeCell ref="E428:E429"/>
    <mergeCell ref="F428:F429"/>
    <mergeCell ref="G428:G429"/>
    <mergeCell ref="C430:C431"/>
    <mergeCell ref="D430:D431"/>
    <mergeCell ref="E430:E431"/>
    <mergeCell ref="F430:F431"/>
    <mergeCell ref="G430:G431"/>
    <mergeCell ref="C432:C433"/>
    <mergeCell ref="D432:D433"/>
    <mergeCell ref="E432:E433"/>
    <mergeCell ref="F432:F433"/>
    <mergeCell ref="G432:G433"/>
    <mergeCell ref="C434:C435"/>
    <mergeCell ref="D434:D435"/>
    <mergeCell ref="E434:E435"/>
    <mergeCell ref="F434:F435"/>
    <mergeCell ref="G434:G435"/>
    <mergeCell ref="E436:E437"/>
    <mergeCell ref="F436:F437"/>
    <mergeCell ref="G436:G437"/>
    <mergeCell ref="C438:C439"/>
    <mergeCell ref="D438:D439"/>
    <mergeCell ref="E438:E439"/>
    <mergeCell ref="F438:F439"/>
    <mergeCell ref="G438:G439"/>
    <mergeCell ref="C436:C437"/>
    <mergeCell ref="D436:D437"/>
    <mergeCell ref="E442:E443"/>
    <mergeCell ref="F442:F443"/>
    <mergeCell ref="G442:G443"/>
    <mergeCell ref="C444:C445"/>
    <mergeCell ref="D444:D445"/>
    <mergeCell ref="E444:E445"/>
    <mergeCell ref="F444:F445"/>
    <mergeCell ref="G444:G445"/>
    <mergeCell ref="C446:C447"/>
    <mergeCell ref="D446:D447"/>
    <mergeCell ref="E446:E447"/>
    <mergeCell ref="F446:F447"/>
    <mergeCell ref="G446:G447"/>
    <mergeCell ref="C513:C514"/>
    <mergeCell ref="D513:D514"/>
    <mergeCell ref="E513:E514"/>
    <mergeCell ref="F513:F514"/>
    <mergeCell ref="G513:G514"/>
    <mergeCell ref="A380:A514"/>
    <mergeCell ref="B380:B514"/>
    <mergeCell ref="C509:C510"/>
    <mergeCell ref="D509:D510"/>
    <mergeCell ref="E509:E510"/>
    <mergeCell ref="F509:F510"/>
    <mergeCell ref="G509:G510"/>
    <mergeCell ref="C511:C512"/>
    <mergeCell ref="D511:D512"/>
    <mergeCell ref="E511:E512"/>
    <mergeCell ref="F511:F512"/>
    <mergeCell ref="G511:G512"/>
    <mergeCell ref="C440:C441"/>
    <mergeCell ref="D440:D441"/>
    <mergeCell ref="E440:E441"/>
    <mergeCell ref="F440:F441"/>
    <mergeCell ref="G440:G441"/>
    <mergeCell ref="C442:C443"/>
    <mergeCell ref="D442:D443"/>
    <mergeCell ref="C521:C522"/>
    <mergeCell ref="D521:D522"/>
    <mergeCell ref="E521:E522"/>
    <mergeCell ref="F521:F522"/>
    <mergeCell ref="G521:G522"/>
    <mergeCell ref="A515:A524"/>
    <mergeCell ref="B515:B524"/>
    <mergeCell ref="C519:C520"/>
    <mergeCell ref="D519:D520"/>
    <mergeCell ref="E519:E520"/>
    <mergeCell ref="F519:F520"/>
    <mergeCell ref="G519:G520"/>
    <mergeCell ref="C515:C516"/>
    <mergeCell ref="D515:D516"/>
    <mergeCell ref="E515:E516"/>
    <mergeCell ref="F515:F516"/>
    <mergeCell ref="G515:G516"/>
    <mergeCell ref="C517:C518"/>
    <mergeCell ref="D517:D518"/>
    <mergeCell ref="E517:E518"/>
    <mergeCell ref="F517:F518"/>
    <mergeCell ref="G517:G518"/>
    <mergeCell ref="B606:B616"/>
    <mergeCell ref="D606:D616"/>
    <mergeCell ref="E606:E616"/>
    <mergeCell ref="F606:F616"/>
    <mergeCell ref="G606:G616"/>
    <mergeCell ref="A525:A546"/>
    <mergeCell ref="B525:B546"/>
    <mergeCell ref="D525:D546"/>
    <mergeCell ref="E525:E546"/>
    <mergeCell ref="F525:F546"/>
    <mergeCell ref="G525:G546"/>
    <mergeCell ref="B547:B605"/>
    <mergeCell ref="A547:A605"/>
    <mergeCell ref="D547:D605"/>
    <mergeCell ref="E547:E605"/>
    <mergeCell ref="F547:F605"/>
    <mergeCell ref="G547:G605"/>
  </mergeCells>
  <pageMargins left="0.7" right="0.7" top="0.75" bottom="0.75" header="0.3" footer="0.3"/>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H4"/>
  <sheetViews>
    <sheetView workbookViewId="0">
      <selection activeCell="E14" sqref="E14"/>
    </sheetView>
  </sheetViews>
  <sheetFormatPr defaultRowHeight="15" x14ac:dyDescent="0.25"/>
  <cols>
    <col min="1" max="1" width="12.42578125" bestFit="1" customWidth="1"/>
    <col min="2" max="2" width="14.85546875" bestFit="1" customWidth="1"/>
    <col min="3" max="3" width="16.140625" customWidth="1"/>
    <col min="4" max="4" width="15.5703125" bestFit="1" customWidth="1"/>
    <col min="6" max="6" width="22.140625" customWidth="1"/>
    <col min="7" max="7" width="16.28515625" bestFit="1" customWidth="1"/>
    <col min="8" max="8" width="16.140625" bestFit="1" customWidth="1"/>
  </cols>
  <sheetData>
    <row r="1" spans="1:8" ht="15.75" thickBot="1" x14ac:dyDescent="0.3">
      <c r="A1" s="524" t="s">
        <v>6</v>
      </c>
      <c r="B1" s="525"/>
      <c r="C1" s="526"/>
      <c r="D1" s="9"/>
      <c r="E1" s="10"/>
      <c r="F1" s="10"/>
      <c r="G1" s="10"/>
      <c r="H1" s="10"/>
    </row>
    <row r="2" spans="1:8" ht="15.75" thickBot="1" x14ac:dyDescent="0.3">
      <c r="A2" s="527" t="s">
        <v>2</v>
      </c>
      <c r="B2" s="529" t="s">
        <v>0</v>
      </c>
      <c r="C2" s="531" t="s">
        <v>1</v>
      </c>
      <c r="D2" s="522" t="s">
        <v>83</v>
      </c>
      <c r="E2" s="533" t="s">
        <v>55</v>
      </c>
      <c r="F2" s="534"/>
      <c r="G2" s="522" t="s">
        <v>54</v>
      </c>
      <c r="H2" s="522" t="s">
        <v>60</v>
      </c>
    </row>
    <row r="3" spans="1:8" ht="15.75" thickBot="1" x14ac:dyDescent="0.3">
      <c r="A3" s="528"/>
      <c r="B3" s="530"/>
      <c r="C3" s="532"/>
      <c r="D3" s="523"/>
      <c r="E3" s="11" t="s">
        <v>58</v>
      </c>
      <c r="F3" s="12" t="s">
        <v>57</v>
      </c>
      <c r="G3" s="523"/>
      <c r="H3" s="523"/>
    </row>
    <row r="4" spans="1:8" ht="135.75" thickBot="1" x14ac:dyDescent="0.3">
      <c r="A4" s="13" t="s">
        <v>187</v>
      </c>
      <c r="B4" s="14" t="s">
        <v>188</v>
      </c>
      <c r="C4" s="15" t="s">
        <v>194</v>
      </c>
      <c r="D4" s="16" t="s">
        <v>195</v>
      </c>
      <c r="E4" s="15" t="s">
        <v>196</v>
      </c>
      <c r="F4" s="17" t="s">
        <v>84</v>
      </c>
      <c r="G4" s="17" t="s">
        <v>84</v>
      </c>
      <c r="H4" s="18">
        <v>43727</v>
      </c>
    </row>
  </sheetData>
  <sheetProtection password="F113" sheet="1" objects="1" scenarios="1"/>
  <mergeCells count="8">
    <mergeCell ref="G2:G3"/>
    <mergeCell ref="H2:H3"/>
    <mergeCell ref="A1:C1"/>
    <mergeCell ref="A2:A3"/>
    <mergeCell ref="B2:B3"/>
    <mergeCell ref="C2:C3"/>
    <mergeCell ref="D2:D3"/>
    <mergeCell ref="E2:F2"/>
  </mergeCell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4"/>
  <sheetViews>
    <sheetView workbookViewId="0">
      <selection activeCell="E7" sqref="E7"/>
    </sheetView>
  </sheetViews>
  <sheetFormatPr defaultRowHeight="15" x14ac:dyDescent="0.25"/>
  <cols>
    <col min="1" max="1" width="36.42578125" bestFit="1" customWidth="1"/>
    <col min="2" max="2" width="154.5703125" bestFit="1" customWidth="1"/>
    <col min="3" max="3" width="22.28515625" bestFit="1" customWidth="1"/>
    <col min="4" max="4" width="12" bestFit="1" customWidth="1"/>
    <col min="5" max="5" width="25" bestFit="1" customWidth="1"/>
    <col min="6" max="6" width="5.42578125" bestFit="1" customWidth="1"/>
    <col min="7" max="7" width="14" bestFit="1" customWidth="1"/>
    <col min="8" max="8" width="29.28515625" bestFit="1" customWidth="1"/>
    <col min="9" max="9" width="14.42578125" bestFit="1" customWidth="1"/>
  </cols>
  <sheetData>
    <row r="1" spans="1:9" ht="15.75" thickBot="1" x14ac:dyDescent="0.3">
      <c r="A1" s="19" t="s">
        <v>6</v>
      </c>
    </row>
    <row r="2" spans="1:9" s="24" customFormat="1" ht="30" x14ac:dyDescent="0.25">
      <c r="A2" s="22" t="s">
        <v>2</v>
      </c>
      <c r="B2" s="23" t="s">
        <v>0</v>
      </c>
      <c r="C2" s="23" t="s">
        <v>1</v>
      </c>
      <c r="D2" s="23" t="s">
        <v>83</v>
      </c>
      <c r="E2" s="23" t="s">
        <v>55</v>
      </c>
      <c r="F2" s="23"/>
      <c r="G2" s="23" t="s">
        <v>54</v>
      </c>
      <c r="H2" s="23" t="s">
        <v>56</v>
      </c>
      <c r="I2" s="23" t="s">
        <v>60</v>
      </c>
    </row>
    <row r="3" spans="1:9" x14ac:dyDescent="0.25">
      <c r="A3" s="20"/>
      <c r="B3" s="20"/>
      <c r="C3" s="20"/>
      <c r="D3" s="20"/>
      <c r="E3" s="20" t="s">
        <v>58</v>
      </c>
      <c r="F3" s="20" t="s">
        <v>57</v>
      </c>
      <c r="G3" s="20"/>
      <c r="H3" s="20"/>
      <c r="I3" s="20"/>
    </row>
    <row r="4" spans="1:9" x14ac:dyDescent="0.25">
      <c r="A4" s="20" t="s">
        <v>187</v>
      </c>
      <c r="B4" s="20" t="s">
        <v>188</v>
      </c>
      <c r="C4" s="20" t="s">
        <v>197</v>
      </c>
      <c r="D4" s="20" t="s">
        <v>202</v>
      </c>
      <c r="E4" s="20" t="s">
        <v>84</v>
      </c>
      <c r="F4" s="20" t="s">
        <v>84</v>
      </c>
      <c r="G4" s="20" t="s">
        <v>84</v>
      </c>
      <c r="H4" s="20" t="s">
        <v>192</v>
      </c>
      <c r="I4" s="21">
        <v>43727</v>
      </c>
    </row>
  </sheetData>
  <sheetProtection password="F113" sheet="1" objects="1" scenarios="1"/>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G8"/>
  <sheetViews>
    <sheetView workbookViewId="0">
      <selection activeCell="D4" sqref="D4"/>
    </sheetView>
  </sheetViews>
  <sheetFormatPr defaultRowHeight="15" x14ac:dyDescent="0.25"/>
  <cols>
    <col min="1" max="7" width="28.7109375" customWidth="1"/>
  </cols>
  <sheetData>
    <row r="1" spans="1:7" ht="15.75" thickBot="1" x14ac:dyDescent="0.3"/>
    <row r="2" spans="1:7" ht="15.75" thickBot="1" x14ac:dyDescent="0.3">
      <c r="A2" s="535" t="s">
        <v>2</v>
      </c>
      <c r="B2" s="537" t="s">
        <v>0</v>
      </c>
      <c r="C2" s="539" t="s">
        <v>88</v>
      </c>
      <c r="D2" s="47"/>
      <c r="E2" s="541" t="s">
        <v>55</v>
      </c>
      <c r="F2" s="542"/>
      <c r="G2" s="543" t="s">
        <v>89</v>
      </c>
    </row>
    <row r="3" spans="1:7" x14ac:dyDescent="0.25">
      <c r="A3" s="536"/>
      <c r="B3" s="538"/>
      <c r="C3" s="540"/>
      <c r="D3" s="48" t="s">
        <v>83</v>
      </c>
      <c r="E3" s="48" t="s">
        <v>58</v>
      </c>
      <c r="F3" s="49" t="s">
        <v>57</v>
      </c>
      <c r="G3" s="544"/>
    </row>
    <row r="4" spans="1:7" ht="75" x14ac:dyDescent="0.25">
      <c r="A4" s="50" t="s">
        <v>377</v>
      </c>
      <c r="B4" s="51" t="s">
        <v>378</v>
      </c>
      <c r="C4" s="51" t="s">
        <v>364</v>
      </c>
      <c r="D4" s="20"/>
      <c r="E4" s="20"/>
      <c r="F4" s="20" t="s">
        <v>358</v>
      </c>
      <c r="G4" s="20" t="s">
        <v>358</v>
      </c>
    </row>
    <row r="5" spans="1:7" ht="75" x14ac:dyDescent="0.25">
      <c r="A5" s="50" t="s">
        <v>377</v>
      </c>
      <c r="B5" s="51" t="s">
        <v>378</v>
      </c>
      <c r="C5" s="51" t="s">
        <v>366</v>
      </c>
      <c r="D5" s="20"/>
      <c r="E5" s="20"/>
      <c r="F5" s="20" t="s">
        <v>358</v>
      </c>
      <c r="G5" s="20" t="s">
        <v>358</v>
      </c>
    </row>
    <row r="6" spans="1:7" ht="75" x14ac:dyDescent="0.25">
      <c r="A6" s="50" t="s">
        <v>377</v>
      </c>
      <c r="B6" s="51" t="s">
        <v>378</v>
      </c>
      <c r="C6" s="51" t="s">
        <v>371</v>
      </c>
      <c r="D6" s="20"/>
      <c r="E6" s="20"/>
      <c r="F6" s="20" t="s">
        <v>358</v>
      </c>
      <c r="G6" s="20" t="s">
        <v>358</v>
      </c>
    </row>
    <row r="7" spans="1:7" ht="75" x14ac:dyDescent="0.25">
      <c r="A7" s="50" t="s">
        <v>377</v>
      </c>
      <c r="B7" s="51" t="s">
        <v>378</v>
      </c>
      <c r="C7" s="51" t="s">
        <v>373</v>
      </c>
      <c r="D7" s="20"/>
      <c r="E7" s="20"/>
      <c r="F7" s="20" t="s">
        <v>358</v>
      </c>
      <c r="G7" s="20" t="s">
        <v>358</v>
      </c>
    </row>
    <row r="8" spans="1:7" ht="75" x14ac:dyDescent="0.25">
      <c r="A8" s="50" t="s">
        <v>377</v>
      </c>
      <c r="B8" s="51" t="s">
        <v>378</v>
      </c>
      <c r="C8" s="51" t="s">
        <v>376</v>
      </c>
      <c r="D8" s="20"/>
      <c r="E8" s="20"/>
      <c r="F8" s="20" t="s">
        <v>358</v>
      </c>
      <c r="G8" s="20" t="s">
        <v>358</v>
      </c>
    </row>
  </sheetData>
  <sheetProtection algorithmName="SHA-512" hashValue="3TLXYv5Y+AO6R0NMot8ngqiOYH9JV9tWYXcGDWsvva6g8f6J+tOaXFLKo2cTikxU5F2Qw/74D5eklGxpNMt4RQ==" saltValue="5PL/paJyrPk2XKZ4Qe2kqA==" spinCount="100000" sheet="1" objects="1" scenarios="1"/>
  <mergeCells count="5">
    <mergeCell ref="A2:A3"/>
    <mergeCell ref="B2:B3"/>
    <mergeCell ref="C2:C3"/>
    <mergeCell ref="E2:F2"/>
    <mergeCell ref="G2:G3"/>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Award</vt:lpstr>
      <vt:lpstr>Unsuccessful</vt:lpstr>
      <vt:lpstr>Disqualified</vt:lpstr>
      <vt:lpstr>Adjudication Reserved</vt:lpstr>
      <vt:lpstr>Cancelled</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dre Taljaard</dc:creator>
  <cp:lastModifiedBy>Mthokozisi Nkosi</cp:lastModifiedBy>
  <dcterms:created xsi:type="dcterms:W3CDTF">2016-11-09T06:37:03Z</dcterms:created>
  <dcterms:modified xsi:type="dcterms:W3CDTF">2021-11-26T06:37:36Z</dcterms:modified>
</cp:coreProperties>
</file>